
<file path=[Content_Types].xml><?xml version="1.0" encoding="utf-8"?>
<Types xmlns="http://schemas.openxmlformats.org/package/2006/content-types">
  <Default Extension="jpeg" ContentType="image/jpeg"/>
  <Default Extension="jpg" ContentType="image/jp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48" r:id="rId6"/>
  </p:sldMasterIdLst>
  <p:notesMasterIdLst>
    <p:notesMasterId r:id="rId31"/>
  </p:notesMasterIdLst>
  <p:sldIdLst>
    <p:sldId id="256" r:id="rId7"/>
    <p:sldId id="257" r:id="rId8"/>
    <p:sldId id="279" r:id="rId9"/>
    <p:sldId id="798" r:id="rId10"/>
    <p:sldId id="794" r:id="rId11"/>
    <p:sldId id="777" r:id="rId12"/>
    <p:sldId id="781" r:id="rId13"/>
    <p:sldId id="785" r:id="rId14"/>
    <p:sldId id="740" r:id="rId15"/>
    <p:sldId id="789" r:id="rId16"/>
    <p:sldId id="728" r:id="rId17"/>
    <p:sldId id="729" r:id="rId18"/>
    <p:sldId id="795" r:id="rId19"/>
    <p:sldId id="770" r:id="rId20"/>
    <p:sldId id="771" r:id="rId21"/>
    <p:sldId id="790" r:id="rId22"/>
    <p:sldId id="775" r:id="rId23"/>
    <p:sldId id="778" r:id="rId24"/>
    <p:sldId id="796" r:id="rId25"/>
    <p:sldId id="800" r:id="rId26"/>
    <p:sldId id="797" r:id="rId27"/>
    <p:sldId id="799" r:id="rId28"/>
    <p:sldId id="787" r:id="rId29"/>
    <p:sldId id="779" r:id="rId30"/>
  </p:sldIdLst>
  <p:sldSz cx="12192000" cy="6858000"/>
  <p:notesSz cx="6858000" cy="9144000"/>
  <p:defaultTextStyle>
    <a:defPPr>
      <a:defRPr lang="nl-NL"/>
    </a:defPPr>
    <a:lvl1pPr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1pPr>
    <a:lvl2pPr marL="4572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2pPr>
    <a:lvl3pPr marL="9144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3pPr>
    <a:lvl4pPr marL="13716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4pPr>
    <a:lvl5pPr marL="18288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5pPr>
    <a:lvl6pPr marL="2286000" algn="l" defTabSz="914400" rtl="0" eaLnBrk="1" latinLnBrk="0" hangingPunct="1">
      <a:defRPr kern="1200">
        <a:solidFill>
          <a:schemeClr val="tx1"/>
        </a:solidFill>
        <a:latin typeface="Calibri" panose="020F0502020204030204" pitchFamily="34" charset="0"/>
        <a:ea typeface="+mn-ea"/>
        <a:cs typeface="+mn-cs"/>
      </a:defRPr>
    </a:lvl6pPr>
    <a:lvl7pPr marL="2743200" algn="l" defTabSz="914400" rtl="0" eaLnBrk="1" latinLnBrk="0" hangingPunct="1">
      <a:defRPr kern="1200">
        <a:solidFill>
          <a:schemeClr val="tx1"/>
        </a:solidFill>
        <a:latin typeface="Calibri" panose="020F0502020204030204" pitchFamily="34" charset="0"/>
        <a:ea typeface="+mn-ea"/>
        <a:cs typeface="+mn-cs"/>
      </a:defRPr>
    </a:lvl7pPr>
    <a:lvl8pPr marL="3200400" algn="l" defTabSz="914400" rtl="0" eaLnBrk="1" latinLnBrk="0" hangingPunct="1">
      <a:defRPr kern="1200">
        <a:solidFill>
          <a:schemeClr val="tx1"/>
        </a:solidFill>
        <a:latin typeface="Calibri" panose="020F0502020204030204" pitchFamily="34" charset="0"/>
        <a:ea typeface="+mn-ea"/>
        <a:cs typeface="+mn-cs"/>
      </a:defRPr>
    </a:lvl8pPr>
    <a:lvl9pPr marL="3657600" algn="l" defTabSz="914400" rtl="0" eaLnBrk="1" latinLnBrk="0" hangingPunct="1">
      <a:defRPr kern="1200">
        <a:solidFill>
          <a:schemeClr val="tx1"/>
        </a:solidFill>
        <a:latin typeface="Calibri" panose="020F050202020403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3" name="Author" initials="A" lastIdx="0" clrIdx="2"/>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CECFF"/>
    <a:srgbClr val="0C2074"/>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2E32160-37AC-4F81-B950-8C5F8AE252E7}" v="548" dt="2025-03-11T14:51:55.760"/>
    <p1510:client id="{9D72F22E-5B32-4F37-91E4-91E9FE3B90C5}" v="966" dt="2025-03-11T08:19:36.37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31"/>
    <p:restoredTop sz="94658"/>
  </p:normalViewPr>
  <p:slideViewPr>
    <p:cSldViewPr snapToGrid="0">
      <p:cViewPr varScale="1">
        <p:scale>
          <a:sx n="106" d="100"/>
          <a:sy n="106" d="100"/>
        </p:scale>
        <p:origin x="896" y="480"/>
      </p:cViewPr>
      <p:guideLst/>
    </p:cSldViewPr>
  </p:slideViewPr>
  <p:notesTextViewPr>
    <p:cViewPr>
      <p:scale>
        <a:sx n="3" d="2"/>
        <a:sy n="3" d="2"/>
      </p:scale>
      <p:origin x="0" y="0"/>
    </p:cViewPr>
  </p:notesText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7.xml"/><Relationship Id="rId18" Type="http://schemas.openxmlformats.org/officeDocument/2006/relationships/slide" Target="slides/slide12.xml"/><Relationship Id="rId26" Type="http://schemas.openxmlformats.org/officeDocument/2006/relationships/slide" Target="slides/slide20.xml"/><Relationship Id="rId21" Type="http://schemas.openxmlformats.org/officeDocument/2006/relationships/slide" Target="slides/slide15.xml"/><Relationship Id="rId34" Type="http://schemas.openxmlformats.org/officeDocument/2006/relationships/viewProps" Target="viewProps.xml"/><Relationship Id="rId7" Type="http://schemas.openxmlformats.org/officeDocument/2006/relationships/slide" Target="slides/slide1.xml"/><Relationship Id="rId12" Type="http://schemas.openxmlformats.org/officeDocument/2006/relationships/slide" Target="slides/slide6.xml"/><Relationship Id="rId17" Type="http://schemas.openxmlformats.org/officeDocument/2006/relationships/slide" Target="slides/slide11.xml"/><Relationship Id="rId25" Type="http://schemas.openxmlformats.org/officeDocument/2006/relationships/slide" Target="slides/slide19.xml"/><Relationship Id="rId33"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slide" Target="slides/slide10.xml"/><Relationship Id="rId20" Type="http://schemas.openxmlformats.org/officeDocument/2006/relationships/slide" Target="slides/slide14.xml"/><Relationship Id="rId29" Type="http://schemas.openxmlformats.org/officeDocument/2006/relationships/slide" Target="slides/slide23.xml"/><Relationship Id="rId1" Type="http://schemas.openxmlformats.org/officeDocument/2006/relationships/customXml" Target="../customXml/item1.xml"/><Relationship Id="rId6" Type="http://schemas.openxmlformats.org/officeDocument/2006/relationships/slideMaster" Target="slideMasters/slideMaster1.xml"/><Relationship Id="rId11" Type="http://schemas.openxmlformats.org/officeDocument/2006/relationships/slide" Target="slides/slide5.xml"/><Relationship Id="rId24" Type="http://schemas.openxmlformats.org/officeDocument/2006/relationships/slide" Target="slides/slide18.xml"/><Relationship Id="rId32" Type="http://schemas.openxmlformats.org/officeDocument/2006/relationships/commentAuthors" Target="commentAuthors.xml"/><Relationship Id="rId37"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slide" Target="slides/slide9.xml"/><Relationship Id="rId23" Type="http://schemas.openxmlformats.org/officeDocument/2006/relationships/slide" Target="slides/slide17.xml"/><Relationship Id="rId28" Type="http://schemas.openxmlformats.org/officeDocument/2006/relationships/slide" Target="slides/slide22.xml"/><Relationship Id="rId36" Type="http://schemas.openxmlformats.org/officeDocument/2006/relationships/tableStyles" Target="tableStyles.xml"/><Relationship Id="rId10" Type="http://schemas.openxmlformats.org/officeDocument/2006/relationships/slide" Target="slides/slide4.xml"/><Relationship Id="rId19" Type="http://schemas.openxmlformats.org/officeDocument/2006/relationships/slide" Target="slides/slide13.xml"/><Relationship Id="rId31"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3.xml"/><Relationship Id="rId14" Type="http://schemas.openxmlformats.org/officeDocument/2006/relationships/slide" Target="slides/slide8.xml"/><Relationship Id="rId22" Type="http://schemas.openxmlformats.org/officeDocument/2006/relationships/slide" Target="slides/slide16.xml"/><Relationship Id="rId27" Type="http://schemas.openxmlformats.org/officeDocument/2006/relationships/slide" Target="slides/slide21.xml"/><Relationship Id="rId30" Type="http://schemas.openxmlformats.org/officeDocument/2006/relationships/slide" Target="slides/slide24.xml"/><Relationship Id="rId35" Type="http://schemas.openxmlformats.org/officeDocument/2006/relationships/theme" Target="theme/theme1.xml"/><Relationship Id="rId8" Type="http://schemas.openxmlformats.org/officeDocument/2006/relationships/slide" Target="slides/slide2.xml"/><Relationship Id="rId3" Type="http://schemas.openxmlformats.org/officeDocument/2006/relationships/customXml" Target="../customXml/item3.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F36DB63A-7909-5A4B-A3D9-19581C21E06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nl-NL"/>
          </a:p>
        </p:txBody>
      </p:sp>
      <p:sp>
        <p:nvSpPr>
          <p:cNvPr id="3" name="Tijdelijke aanduiding voor datum 2">
            <a:extLst>
              <a:ext uri="{FF2B5EF4-FFF2-40B4-BE49-F238E27FC236}">
                <a16:creationId xmlns:a16="http://schemas.microsoft.com/office/drawing/2014/main" id="{A215842A-5020-0D4A-9EB1-C988770FE19C}"/>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a:latin typeface="+mn-lt"/>
              </a:defRPr>
            </a:lvl1pPr>
          </a:lstStyle>
          <a:p>
            <a:pPr>
              <a:defRPr/>
            </a:pPr>
            <a:fld id="{91A17014-CD54-0642-BF63-EC3CE5B3257B}" type="datetimeFigureOut">
              <a:rPr lang="nl-NL"/>
              <a:pPr>
                <a:defRPr/>
              </a:pPr>
              <a:t>15-03-2025</a:t>
            </a:fld>
            <a:endParaRPr lang="nl-NL"/>
          </a:p>
        </p:txBody>
      </p:sp>
      <p:sp>
        <p:nvSpPr>
          <p:cNvPr id="4" name="Tijdelijke aanduiding voor dia-afbeelding 3">
            <a:extLst>
              <a:ext uri="{FF2B5EF4-FFF2-40B4-BE49-F238E27FC236}">
                <a16:creationId xmlns:a16="http://schemas.microsoft.com/office/drawing/2014/main" id="{9D50A4FE-8DDA-1C42-9C8A-064BC82B7CA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nl-NL" noProof="0"/>
          </a:p>
        </p:txBody>
      </p:sp>
      <p:sp>
        <p:nvSpPr>
          <p:cNvPr id="5" name="Tijdelijke aanduiding voor notities 4">
            <a:extLst>
              <a:ext uri="{FF2B5EF4-FFF2-40B4-BE49-F238E27FC236}">
                <a16:creationId xmlns:a16="http://schemas.microsoft.com/office/drawing/2014/main" id="{8D0F4B64-BD31-EE43-9066-64D4F35921B5}"/>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noProof="0"/>
              <a:t>Klikken om de tekststijl van het model te bewerken</a:t>
            </a:r>
          </a:p>
          <a:p>
            <a:pPr lvl="1"/>
            <a:r>
              <a:rPr lang="nl-NL" noProof="0"/>
              <a:t>Tweede niveau</a:t>
            </a:r>
          </a:p>
          <a:p>
            <a:pPr lvl="2"/>
            <a:r>
              <a:rPr lang="nl-NL" noProof="0"/>
              <a:t>Derde niveau</a:t>
            </a:r>
          </a:p>
          <a:p>
            <a:pPr lvl="3"/>
            <a:r>
              <a:rPr lang="nl-NL" noProof="0"/>
              <a:t>Vierde niveau</a:t>
            </a:r>
          </a:p>
          <a:p>
            <a:pPr lvl="4"/>
            <a:r>
              <a:rPr lang="nl-NL" noProof="0"/>
              <a:t>Vijfde niveau</a:t>
            </a:r>
          </a:p>
        </p:txBody>
      </p:sp>
      <p:sp>
        <p:nvSpPr>
          <p:cNvPr id="6" name="Tijdelijke aanduiding voor voettekst 5">
            <a:extLst>
              <a:ext uri="{FF2B5EF4-FFF2-40B4-BE49-F238E27FC236}">
                <a16:creationId xmlns:a16="http://schemas.microsoft.com/office/drawing/2014/main" id="{45116776-121C-1A4E-B2F6-DD38D1D7FBFC}"/>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endParaRPr lang="nl-NL"/>
          </a:p>
        </p:txBody>
      </p:sp>
      <p:sp>
        <p:nvSpPr>
          <p:cNvPr id="7" name="Tijdelijke aanduiding voor dianummer 6">
            <a:extLst>
              <a:ext uri="{FF2B5EF4-FFF2-40B4-BE49-F238E27FC236}">
                <a16:creationId xmlns:a16="http://schemas.microsoft.com/office/drawing/2014/main" id="{1D1FB5E8-CD34-6E41-B4F8-8E88ECA8D4C1}"/>
              </a:ext>
            </a:extLst>
          </p:cNvPr>
          <p:cNvSpPr>
            <a:spLocks noGrp="1"/>
          </p:cNvSpPr>
          <p:nvPr>
            <p:ph type="sldNum" sz="quarter" idx="5"/>
          </p:nvPr>
        </p:nvSpPr>
        <p:spPr>
          <a:xfrm>
            <a:off x="3884613" y="8685213"/>
            <a:ext cx="2971800" cy="458787"/>
          </a:xfrm>
          <a:prstGeom prst="rect">
            <a:avLst/>
          </a:prstGeom>
        </p:spPr>
        <p:txBody>
          <a:bodyPr vert="horz" wrap="square" lIns="91440" tIns="45720" rIns="91440" bIns="45720" numCol="1" anchor="b" anchorCtr="0" compatLnSpc="1">
            <a:prstTxWarp prst="textNoShape">
              <a:avLst/>
            </a:prstTxWarp>
          </a:bodyPr>
          <a:lstStyle>
            <a:lvl1pPr algn="r" eaLnBrk="1" hangingPunct="1">
              <a:defRPr sz="1200"/>
            </a:lvl1pPr>
          </a:lstStyle>
          <a:p>
            <a:fld id="{0A622139-329B-174F-9882-7DFF5ECAF1D8}" type="slidenum">
              <a:rPr lang="nl-NL" altLang="nl-NL"/>
              <a:pPr/>
              <a:t>‹nr.›</a:t>
            </a:fld>
            <a:endParaRPr lang="nl-NL" altLang="nl-NL"/>
          </a:p>
        </p:txBody>
      </p:sp>
    </p:spTree>
  </p:cSld>
  <p:clrMap bg1="lt1" tx1="dk1" bg2="lt2" tx2="dk2" accent1="accent1" accent2="accent2" accent3="accent3" accent4="accent4" accent5="accent5" accent6="accent6" hlink="hlink" folHlink="folHlink"/>
  <p:notesStyle>
    <a:lvl1pPr algn="l" rtl="0" eaLnBrk="0" fontAlgn="base" hangingPunct="0">
      <a:spcBef>
        <a:spcPct val="30000"/>
      </a:spcBef>
      <a:spcAft>
        <a:spcPct val="0"/>
      </a:spcAft>
      <a:defRPr sz="1200" kern="1200">
        <a:solidFill>
          <a:schemeClr val="tx1"/>
        </a:solidFill>
        <a:latin typeface="+mn-lt"/>
        <a:ea typeface="+mn-ea"/>
        <a:cs typeface="+mn-cs"/>
      </a:defRPr>
    </a:lvl1pPr>
    <a:lvl2pPr marL="457200" algn="l" rtl="0" eaLnBrk="0" fontAlgn="base" hangingPunct="0">
      <a:spcBef>
        <a:spcPct val="30000"/>
      </a:spcBef>
      <a:spcAft>
        <a:spcPct val="0"/>
      </a:spcAft>
      <a:defRPr sz="1200" kern="1200">
        <a:solidFill>
          <a:schemeClr val="tx1"/>
        </a:solidFill>
        <a:latin typeface="+mn-lt"/>
        <a:ea typeface="+mn-ea"/>
        <a:cs typeface="+mn-cs"/>
      </a:defRPr>
    </a:lvl2pPr>
    <a:lvl3pPr marL="914400" algn="l" rtl="0" eaLnBrk="0" fontAlgn="base" hangingPunct="0">
      <a:spcBef>
        <a:spcPct val="30000"/>
      </a:spcBef>
      <a:spcAft>
        <a:spcPct val="0"/>
      </a:spcAft>
      <a:defRPr sz="1200" kern="1200">
        <a:solidFill>
          <a:schemeClr val="tx1"/>
        </a:solidFill>
        <a:latin typeface="+mn-lt"/>
        <a:ea typeface="+mn-ea"/>
        <a:cs typeface="+mn-cs"/>
      </a:defRPr>
    </a:lvl3pPr>
    <a:lvl4pPr marL="1371600" algn="l" rtl="0" eaLnBrk="0" fontAlgn="base" hangingPunct="0">
      <a:spcBef>
        <a:spcPct val="30000"/>
      </a:spcBef>
      <a:spcAft>
        <a:spcPct val="0"/>
      </a:spcAft>
      <a:defRPr sz="1200" kern="1200">
        <a:solidFill>
          <a:schemeClr val="tx1"/>
        </a:solidFill>
        <a:latin typeface="+mn-lt"/>
        <a:ea typeface="+mn-ea"/>
        <a:cs typeface="+mn-cs"/>
      </a:defRPr>
    </a:lvl4pPr>
    <a:lvl5pPr marL="1828800" algn="l" rtl="0" eaLnBrk="0" fontAlgn="base" hangingPunct="0">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Aft>
                <a:spcPts val="800"/>
              </a:spcAft>
            </a:pPr>
            <a:r>
              <a:rPr lang="nl-NL" sz="1800" kern="100">
                <a:effectLst/>
                <a:latin typeface="Calibri" panose="020F0502020204030204" pitchFamily="34" charset="0"/>
                <a:ea typeface="Calibri" panose="020F0502020204030204" pitchFamily="34" charset="0"/>
                <a:cs typeface="Times New Roman" panose="02020603050405020304" pitchFamily="18" charset="0"/>
              </a:rPr>
              <a:t>Laat ik beginnen met een eenvoudige vraag: wat is de grootste risicofactor voor het ontwikkelen van kanker?</a:t>
            </a:r>
            <a:endParaRPr lang="en-NL" sz="1800" kern="100">
              <a:effectLst/>
              <a:latin typeface="Calibri" panose="020F0502020204030204" pitchFamily="34" charset="0"/>
              <a:ea typeface="Calibri" panose="020F0502020204030204" pitchFamily="34" charset="0"/>
              <a:cs typeface="Times New Roman" panose="02020603050405020304" pitchFamily="18" charset="0"/>
            </a:endParaRPr>
          </a:p>
          <a:p>
            <a:r>
              <a:rPr lang="nl-NL" sz="1800">
                <a:effectLst/>
                <a:latin typeface="Calibri" panose="020F0502020204030204" pitchFamily="34" charset="0"/>
                <a:ea typeface="Calibri" panose="020F0502020204030204" pitchFamily="34" charset="0"/>
                <a:cs typeface="Times New Roman" panose="02020603050405020304" pitchFamily="18" charset="0"/>
              </a:rPr>
              <a:t>Leeftijd.</a:t>
            </a:r>
            <a:endParaRPr lang="en-NL"/>
          </a:p>
        </p:txBody>
      </p:sp>
      <p:sp>
        <p:nvSpPr>
          <p:cNvPr id="4" name="Slide Number Placeholder 3"/>
          <p:cNvSpPr>
            <a:spLocks noGrp="1"/>
          </p:cNvSpPr>
          <p:nvPr>
            <p:ph type="sldNum" sz="quarter" idx="5"/>
          </p:nvPr>
        </p:nvSpPr>
        <p:spPr/>
        <p:txBody>
          <a:bodyPr/>
          <a:lstStyle/>
          <a:p>
            <a:fld id="{0A622139-329B-174F-9882-7DFF5ECAF1D8}" type="slidenum">
              <a:rPr lang="nl-NL" altLang="nl-NL" smtClean="0"/>
              <a:pPr/>
              <a:t>3</a:t>
            </a:fld>
            <a:endParaRPr lang="nl-NL" altLang="nl-NL"/>
          </a:p>
        </p:txBody>
      </p:sp>
    </p:spTree>
    <p:extLst>
      <p:ext uri="{BB962C8B-B14F-4D97-AF65-F5344CB8AC3E}">
        <p14:creationId xmlns:p14="http://schemas.microsoft.com/office/powerpoint/2010/main" val="378248159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a:t>1: </a:t>
            </a:r>
            <a:r>
              <a:rPr lang="en-GB" err="1"/>
              <a:t>geen</a:t>
            </a:r>
            <a:r>
              <a:rPr lang="en-GB"/>
              <a:t> idee, </a:t>
            </a:r>
            <a:r>
              <a:rPr lang="en-GB" err="1"/>
              <a:t>vraag</a:t>
            </a:r>
            <a:r>
              <a:rPr lang="en-GB"/>
              <a:t> </a:t>
            </a:r>
            <a:r>
              <a:rPr lang="en-GB" err="1"/>
              <a:t>aan</a:t>
            </a:r>
            <a:r>
              <a:rPr lang="en-GB"/>
              <a:t> de </a:t>
            </a:r>
            <a:r>
              <a:rPr lang="en-GB" err="1"/>
              <a:t>artsen</a:t>
            </a:r>
            <a:r>
              <a:rPr lang="en-GB"/>
              <a:t>/</a:t>
            </a:r>
            <a:r>
              <a:rPr lang="en-GB" err="1"/>
              <a:t>dietisten</a:t>
            </a:r>
            <a:r>
              <a:rPr lang="en-GB"/>
              <a:t>?</a:t>
            </a:r>
          </a:p>
          <a:p>
            <a:r>
              <a:rPr lang="en-GB"/>
              <a:t>2: </a:t>
            </a:r>
            <a:r>
              <a:rPr lang="en-GB" err="1"/>
              <a:t>niet</a:t>
            </a:r>
            <a:r>
              <a:rPr lang="en-GB"/>
              <a:t> </a:t>
            </a:r>
            <a:r>
              <a:rPr lang="en-GB" err="1"/>
              <a:t>zover</a:t>
            </a:r>
            <a:r>
              <a:rPr lang="en-GB"/>
              <a:t> </a:t>
            </a:r>
            <a:r>
              <a:rPr lang="en-GB" err="1"/>
              <a:t>ik</a:t>
            </a:r>
            <a:r>
              <a:rPr lang="en-GB"/>
              <a:t> </a:t>
            </a:r>
            <a:r>
              <a:rPr lang="en-GB" err="1"/>
              <a:t>weet</a:t>
            </a:r>
            <a:r>
              <a:rPr lang="en-GB"/>
              <a:t>, </a:t>
            </a:r>
            <a:r>
              <a:rPr lang="en-GB" err="1"/>
              <a:t>wellicht</a:t>
            </a:r>
            <a:r>
              <a:rPr lang="en-GB"/>
              <a:t> </a:t>
            </a:r>
            <a:r>
              <a:rPr lang="en-GB" err="1"/>
              <a:t>weten</a:t>
            </a:r>
            <a:r>
              <a:rPr lang="en-GB"/>
              <a:t> </a:t>
            </a:r>
            <a:r>
              <a:rPr lang="en-GB" err="1"/>
              <a:t>anderen</a:t>
            </a:r>
            <a:r>
              <a:rPr lang="en-GB"/>
              <a:t> </a:t>
            </a:r>
            <a:r>
              <a:rPr lang="en-GB" err="1"/>
              <a:t>dit</a:t>
            </a:r>
            <a:r>
              <a:rPr lang="en-GB"/>
              <a:t>. </a:t>
            </a:r>
            <a:r>
              <a:rPr lang="en-GB" err="1"/>
              <a:t>calorierestrictie</a:t>
            </a:r>
            <a:r>
              <a:rPr lang="en-GB"/>
              <a:t> </a:t>
            </a:r>
            <a:r>
              <a:rPr lang="en-GB" err="1"/>
              <a:t>lijkt</a:t>
            </a:r>
            <a:r>
              <a:rPr lang="en-GB"/>
              <a:t> </a:t>
            </a:r>
            <a:r>
              <a:rPr lang="en-GB" err="1"/>
              <a:t>niet</a:t>
            </a:r>
            <a:r>
              <a:rPr lang="en-GB"/>
              <a:t> </a:t>
            </a:r>
            <a:r>
              <a:rPr lang="en-GB" err="1"/>
              <a:t>te</a:t>
            </a:r>
            <a:r>
              <a:rPr lang="en-GB"/>
              <a:t> </a:t>
            </a:r>
            <a:r>
              <a:rPr lang="en-GB" err="1"/>
              <a:t>werken</a:t>
            </a:r>
            <a:r>
              <a:rPr lang="en-GB"/>
              <a:t>. </a:t>
            </a:r>
            <a:r>
              <a:rPr lang="en-GB" err="1"/>
              <a:t>Gezond</a:t>
            </a:r>
            <a:r>
              <a:rPr lang="en-GB"/>
              <a:t> </a:t>
            </a:r>
            <a:r>
              <a:rPr lang="en-GB" err="1"/>
              <a:t>leven</a:t>
            </a:r>
            <a:r>
              <a:rPr lang="en-GB"/>
              <a:t> </a:t>
            </a:r>
            <a:r>
              <a:rPr lang="en-GB" err="1"/>
              <a:t>zorgt</a:t>
            </a:r>
            <a:r>
              <a:rPr lang="en-GB"/>
              <a:t> </a:t>
            </a:r>
            <a:r>
              <a:rPr lang="en-GB" err="1"/>
              <a:t>voor</a:t>
            </a:r>
            <a:r>
              <a:rPr lang="en-GB"/>
              <a:t> </a:t>
            </a:r>
            <a:r>
              <a:rPr lang="en-GB" err="1"/>
              <a:t>betere</a:t>
            </a:r>
            <a:r>
              <a:rPr lang="en-GB"/>
              <a:t> </a:t>
            </a:r>
            <a:r>
              <a:rPr lang="en-GB" err="1"/>
              <a:t>weerstand</a:t>
            </a:r>
            <a:r>
              <a:rPr lang="en-GB"/>
              <a:t> chemo</a:t>
            </a:r>
          </a:p>
          <a:p>
            <a:r>
              <a:rPr lang="en-GB"/>
              <a:t>3: </a:t>
            </a:r>
            <a:r>
              <a:rPr lang="en-GB" err="1"/>
              <a:t>Lastig</a:t>
            </a:r>
            <a:r>
              <a:rPr lang="en-GB"/>
              <a:t> want je </a:t>
            </a:r>
            <a:r>
              <a:rPr lang="en-GB" err="1"/>
              <a:t>weet</a:t>
            </a:r>
            <a:r>
              <a:rPr lang="en-GB"/>
              <a:t> </a:t>
            </a:r>
            <a:r>
              <a:rPr lang="en-GB" err="1"/>
              <a:t>niet</a:t>
            </a:r>
            <a:r>
              <a:rPr lang="en-GB"/>
              <a:t> </a:t>
            </a:r>
            <a:r>
              <a:rPr lang="en-GB" err="1"/>
              <a:t>waar</a:t>
            </a:r>
            <a:r>
              <a:rPr lang="en-GB"/>
              <a:t> het </a:t>
            </a:r>
            <a:r>
              <a:rPr lang="en-GB" err="1"/>
              <a:t>vandaan</a:t>
            </a:r>
            <a:r>
              <a:rPr lang="en-GB"/>
              <a:t> </a:t>
            </a:r>
            <a:r>
              <a:rPr lang="en-GB" err="1"/>
              <a:t>komt</a:t>
            </a:r>
            <a:r>
              <a:rPr lang="en-GB"/>
              <a:t> </a:t>
            </a:r>
            <a:r>
              <a:rPr lang="en-GB" err="1"/>
              <a:t>Immuno</a:t>
            </a:r>
            <a:r>
              <a:rPr lang="en-GB"/>
              <a:t> </a:t>
            </a:r>
            <a:r>
              <a:rPr lang="en-GB" err="1"/>
              <a:t>en</a:t>
            </a:r>
            <a:r>
              <a:rPr lang="en-GB"/>
              <a:t> </a:t>
            </a:r>
            <a:r>
              <a:rPr lang="en-GB" err="1"/>
              <a:t>theranostics</a:t>
            </a:r>
            <a:r>
              <a:rPr lang="en-GB"/>
              <a:t>? </a:t>
            </a:r>
            <a:r>
              <a:rPr lang="en-GB" err="1"/>
              <a:t>Wellicht</a:t>
            </a:r>
            <a:r>
              <a:rPr lang="en-GB"/>
              <a:t> BBB </a:t>
            </a:r>
            <a:r>
              <a:rPr lang="en-GB" err="1"/>
              <a:t>openen</a:t>
            </a:r>
            <a:endParaRPr lang="en-GB"/>
          </a:p>
          <a:p>
            <a:r>
              <a:rPr lang="en-GB"/>
              <a:t>4: lobby </a:t>
            </a:r>
            <a:r>
              <a:rPr lang="en-GB" err="1"/>
              <a:t>en</a:t>
            </a:r>
            <a:r>
              <a:rPr lang="en-GB"/>
              <a:t> ‘cold money’</a:t>
            </a:r>
          </a:p>
          <a:p>
            <a:r>
              <a:rPr lang="en-GB"/>
              <a:t>5: </a:t>
            </a:r>
            <a:r>
              <a:rPr lang="en-GB" err="1"/>
              <a:t>vraag</a:t>
            </a:r>
            <a:r>
              <a:rPr lang="en-GB"/>
              <a:t> </a:t>
            </a:r>
            <a:r>
              <a:rPr lang="en-GB" err="1"/>
              <a:t>aan</a:t>
            </a:r>
            <a:r>
              <a:rPr lang="en-GB"/>
              <a:t> de </a:t>
            </a:r>
            <a:r>
              <a:rPr lang="en-GB" err="1"/>
              <a:t>artsen</a:t>
            </a:r>
            <a:endParaRPr lang="en-GB"/>
          </a:p>
          <a:p>
            <a:r>
              <a:rPr lang="en-GB"/>
              <a:t>6: Ja</a:t>
            </a:r>
          </a:p>
          <a:p>
            <a:r>
              <a:rPr lang="en-GB"/>
              <a:t>7: </a:t>
            </a:r>
            <a:r>
              <a:rPr lang="en-GB" err="1"/>
              <a:t>vraag</a:t>
            </a:r>
            <a:r>
              <a:rPr lang="en-GB"/>
              <a:t> </a:t>
            </a:r>
            <a:r>
              <a:rPr lang="en-GB" err="1"/>
              <a:t>aan</a:t>
            </a:r>
            <a:r>
              <a:rPr lang="en-GB"/>
              <a:t> de arts?</a:t>
            </a:r>
          </a:p>
          <a:p>
            <a:r>
              <a:rPr lang="en-GB"/>
              <a:t>8: Veel </a:t>
            </a:r>
            <a:r>
              <a:rPr lang="en-GB" err="1"/>
              <a:t>testen</a:t>
            </a:r>
            <a:r>
              <a:rPr lang="en-GB"/>
              <a:t>, </a:t>
            </a:r>
            <a:r>
              <a:rPr lang="en-GB" err="1"/>
              <a:t>kleinschaliger</a:t>
            </a:r>
            <a:r>
              <a:rPr lang="en-GB"/>
              <a:t> studies. </a:t>
            </a:r>
            <a:r>
              <a:rPr lang="en-GB" err="1"/>
              <a:t>Theranostics</a:t>
            </a:r>
            <a:r>
              <a:rPr lang="en-GB"/>
              <a:t>? BBB? </a:t>
            </a:r>
            <a:r>
              <a:rPr lang="en-GB" err="1"/>
              <a:t>Protacs</a:t>
            </a:r>
            <a:r>
              <a:rPr lang="en-GB"/>
              <a:t>, </a:t>
            </a:r>
            <a:r>
              <a:rPr lang="en-GB" err="1"/>
              <a:t>riptacs</a:t>
            </a:r>
            <a:r>
              <a:rPr lang="en-GB"/>
              <a:t>?</a:t>
            </a:r>
          </a:p>
          <a:p>
            <a:r>
              <a:rPr lang="en-GB"/>
              <a:t>9: </a:t>
            </a:r>
            <a:r>
              <a:rPr lang="en-GB" err="1"/>
              <a:t>Helaas</a:t>
            </a:r>
            <a:r>
              <a:rPr lang="en-GB"/>
              <a:t> laten die </a:t>
            </a:r>
            <a:r>
              <a:rPr lang="en-GB" err="1"/>
              <a:t>nog</a:t>
            </a:r>
            <a:r>
              <a:rPr lang="en-GB"/>
              <a:t> </a:t>
            </a:r>
            <a:r>
              <a:rPr lang="en-GB" err="1"/>
              <a:t>niet</a:t>
            </a:r>
            <a:r>
              <a:rPr lang="en-GB"/>
              <a:t> response </a:t>
            </a:r>
            <a:r>
              <a:rPr lang="en-GB" err="1"/>
              <a:t>zien</a:t>
            </a:r>
            <a:r>
              <a:rPr lang="en-GB"/>
              <a:t> de we </a:t>
            </a:r>
            <a:r>
              <a:rPr lang="en-GB" err="1"/>
              <a:t>graag</a:t>
            </a:r>
            <a:r>
              <a:rPr lang="en-GB"/>
              <a:t> </a:t>
            </a:r>
            <a:r>
              <a:rPr lang="en-GB" err="1"/>
              <a:t>zouden</a:t>
            </a:r>
            <a:r>
              <a:rPr lang="en-GB"/>
              <a:t> </a:t>
            </a:r>
            <a:r>
              <a:rPr lang="en-GB" err="1"/>
              <a:t>willen</a:t>
            </a:r>
            <a:r>
              <a:rPr lang="en-GB"/>
              <a:t>. </a:t>
            </a:r>
          </a:p>
          <a:p>
            <a:r>
              <a:rPr lang="en-GB"/>
              <a:t>10: Ja, maar </a:t>
            </a:r>
            <a:r>
              <a:rPr lang="en-GB" err="1"/>
              <a:t>nog</a:t>
            </a:r>
            <a:r>
              <a:rPr lang="en-GB"/>
              <a:t> in de </a:t>
            </a:r>
            <a:r>
              <a:rPr lang="en-GB" err="1"/>
              <a:t>testfase</a:t>
            </a:r>
            <a:r>
              <a:rPr lang="en-GB"/>
              <a:t>. (</a:t>
            </a:r>
            <a:r>
              <a:rPr lang="en-GB" err="1"/>
              <a:t>denk</a:t>
            </a:r>
            <a:r>
              <a:rPr lang="en-GB"/>
              <a:t> </a:t>
            </a:r>
            <a:r>
              <a:rPr lang="en-GB" err="1"/>
              <a:t>aan</a:t>
            </a:r>
            <a:r>
              <a:rPr lang="en-GB"/>
              <a:t> Plasterk)</a:t>
            </a:r>
          </a:p>
          <a:p>
            <a:r>
              <a:rPr lang="en-GB"/>
              <a:t>11: AI: </a:t>
            </a:r>
            <a:r>
              <a:rPr lang="en-GB" err="1"/>
              <a:t>sterk</a:t>
            </a:r>
            <a:r>
              <a:rPr lang="en-GB"/>
              <a:t>: AI op </a:t>
            </a:r>
            <a:r>
              <a:rPr lang="en-GB" err="1"/>
              <a:t>beelden</a:t>
            </a:r>
            <a:r>
              <a:rPr lang="en-GB"/>
              <a:t> MRI, coupes. </a:t>
            </a:r>
            <a:r>
              <a:rPr lang="en-GB" err="1"/>
              <a:t>Wellich</a:t>
            </a:r>
            <a:r>
              <a:rPr lang="en-GB"/>
              <a:t> liquid biopsy</a:t>
            </a:r>
          </a:p>
          <a:p>
            <a:r>
              <a:rPr lang="en-GB"/>
              <a:t>12: liquid biopsy AI op MRI</a:t>
            </a:r>
          </a:p>
          <a:p>
            <a:endParaRPr lang="en-GB"/>
          </a:p>
          <a:p>
            <a:endParaRPr lang="en-NL"/>
          </a:p>
        </p:txBody>
      </p:sp>
      <p:sp>
        <p:nvSpPr>
          <p:cNvPr id="4" name="Slide Number Placeholder 3"/>
          <p:cNvSpPr>
            <a:spLocks noGrp="1"/>
          </p:cNvSpPr>
          <p:nvPr>
            <p:ph type="sldNum" sz="quarter" idx="5"/>
          </p:nvPr>
        </p:nvSpPr>
        <p:spPr/>
        <p:txBody>
          <a:bodyPr/>
          <a:lstStyle/>
          <a:p>
            <a:fld id="{0A622139-329B-174F-9882-7DFF5ECAF1D8}" type="slidenum">
              <a:rPr lang="nl-NL" altLang="nl-NL" smtClean="0"/>
              <a:pPr/>
              <a:t>24</a:t>
            </a:fld>
            <a:endParaRPr lang="nl-NL" altLang="nl-NL"/>
          </a:p>
        </p:txBody>
      </p:sp>
    </p:spTree>
    <p:extLst>
      <p:ext uri="{BB962C8B-B14F-4D97-AF65-F5344CB8AC3E}">
        <p14:creationId xmlns:p14="http://schemas.microsoft.com/office/powerpoint/2010/main" val="233863836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err="1"/>
              <a:t>Analogien</a:t>
            </a:r>
            <a:r>
              <a:rPr lang="en-GB"/>
              <a:t>:</a:t>
            </a:r>
          </a:p>
          <a:p>
            <a:r>
              <a:rPr lang="en-GB"/>
              <a:t>Precision medicine</a:t>
            </a:r>
            <a:endParaRPr lang="en-NL"/>
          </a:p>
        </p:txBody>
      </p:sp>
      <p:sp>
        <p:nvSpPr>
          <p:cNvPr id="4" name="Slide Number Placeholder 3"/>
          <p:cNvSpPr>
            <a:spLocks noGrp="1"/>
          </p:cNvSpPr>
          <p:nvPr>
            <p:ph type="sldNum" sz="quarter" idx="5"/>
          </p:nvPr>
        </p:nvSpPr>
        <p:spPr/>
        <p:txBody>
          <a:bodyPr/>
          <a:lstStyle/>
          <a:p>
            <a:fld id="{0A622139-329B-174F-9882-7DFF5ECAF1D8}" type="slidenum">
              <a:rPr lang="nl-NL" altLang="nl-NL" smtClean="0"/>
              <a:pPr/>
              <a:t>5</a:t>
            </a:fld>
            <a:endParaRPr lang="nl-NL" altLang="nl-NL"/>
          </a:p>
        </p:txBody>
      </p:sp>
    </p:spTree>
    <p:extLst>
      <p:ext uri="{BB962C8B-B14F-4D97-AF65-F5344CB8AC3E}">
        <p14:creationId xmlns:p14="http://schemas.microsoft.com/office/powerpoint/2010/main" val="367443216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err="1"/>
              <a:t>Analogien</a:t>
            </a:r>
            <a:r>
              <a:rPr lang="en-GB"/>
              <a:t>:</a:t>
            </a:r>
          </a:p>
          <a:p>
            <a:r>
              <a:rPr lang="en-GB"/>
              <a:t>Precision medicine</a:t>
            </a:r>
            <a:endParaRPr lang="en-NL"/>
          </a:p>
        </p:txBody>
      </p:sp>
      <p:sp>
        <p:nvSpPr>
          <p:cNvPr id="4" name="Slide Number Placeholder 3"/>
          <p:cNvSpPr>
            <a:spLocks noGrp="1"/>
          </p:cNvSpPr>
          <p:nvPr>
            <p:ph type="sldNum" sz="quarter" idx="5"/>
          </p:nvPr>
        </p:nvSpPr>
        <p:spPr/>
        <p:txBody>
          <a:bodyPr/>
          <a:lstStyle/>
          <a:p>
            <a:fld id="{0A622139-329B-174F-9882-7DFF5ECAF1D8}" type="slidenum">
              <a:rPr lang="nl-NL" altLang="nl-NL" smtClean="0"/>
              <a:pPr/>
              <a:t>6</a:t>
            </a:fld>
            <a:endParaRPr lang="nl-NL" altLang="nl-NL"/>
          </a:p>
        </p:txBody>
      </p:sp>
    </p:spTree>
    <p:extLst>
      <p:ext uri="{BB962C8B-B14F-4D97-AF65-F5344CB8AC3E}">
        <p14:creationId xmlns:p14="http://schemas.microsoft.com/office/powerpoint/2010/main" val="18404023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568448F-DDE0-1BDB-82E7-F55BEBCC2D88}"/>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4BE4982-64A9-BA17-A91F-4A238AAE8C6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040F6AC-7FE8-F5F1-89AE-839903B5C840}"/>
              </a:ext>
            </a:extLst>
          </p:cNvPr>
          <p:cNvSpPr>
            <a:spLocks noGrp="1"/>
          </p:cNvSpPr>
          <p:nvPr>
            <p:ph type="body" idx="1"/>
          </p:nvPr>
        </p:nvSpPr>
        <p:spPr/>
        <p:txBody>
          <a:bodyPr/>
          <a:lstStyle/>
          <a:p>
            <a:r>
              <a:rPr lang="en-GB" err="1"/>
              <a:t>Analogien</a:t>
            </a:r>
            <a:r>
              <a:rPr lang="en-GB"/>
              <a:t>:</a:t>
            </a:r>
          </a:p>
          <a:p>
            <a:r>
              <a:rPr lang="en-GB"/>
              <a:t>Precision medicine</a:t>
            </a:r>
            <a:endParaRPr lang="en-NL"/>
          </a:p>
        </p:txBody>
      </p:sp>
      <p:sp>
        <p:nvSpPr>
          <p:cNvPr id="4" name="Slide Number Placeholder 3">
            <a:extLst>
              <a:ext uri="{FF2B5EF4-FFF2-40B4-BE49-F238E27FC236}">
                <a16:creationId xmlns:a16="http://schemas.microsoft.com/office/drawing/2014/main" id="{504C3885-527C-F44A-BFE1-C0C108D06886}"/>
              </a:ext>
            </a:extLst>
          </p:cNvPr>
          <p:cNvSpPr>
            <a:spLocks noGrp="1"/>
          </p:cNvSpPr>
          <p:nvPr>
            <p:ph type="sldNum" sz="quarter" idx="5"/>
          </p:nvPr>
        </p:nvSpPr>
        <p:spPr/>
        <p:txBody>
          <a:bodyPr/>
          <a:lstStyle/>
          <a:p>
            <a:fld id="{0A622139-329B-174F-9882-7DFF5ECAF1D8}" type="slidenum">
              <a:rPr lang="nl-NL" altLang="nl-NL" smtClean="0"/>
              <a:pPr/>
              <a:t>7</a:t>
            </a:fld>
            <a:endParaRPr lang="nl-NL" altLang="nl-NL"/>
          </a:p>
        </p:txBody>
      </p:sp>
    </p:spTree>
    <p:extLst>
      <p:ext uri="{BB962C8B-B14F-4D97-AF65-F5344CB8AC3E}">
        <p14:creationId xmlns:p14="http://schemas.microsoft.com/office/powerpoint/2010/main" val="82136297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C4F0219-D69B-A550-4EFB-B9FFD5B7A21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58332700-4E27-6E5F-A531-D5F7928E4F6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79FE936-BE56-CDC9-8A23-69475030C02B}"/>
              </a:ext>
            </a:extLst>
          </p:cNvPr>
          <p:cNvSpPr>
            <a:spLocks noGrp="1"/>
          </p:cNvSpPr>
          <p:nvPr>
            <p:ph type="body" idx="1"/>
          </p:nvPr>
        </p:nvSpPr>
        <p:spPr/>
        <p:txBody>
          <a:bodyPr/>
          <a:lstStyle/>
          <a:p>
            <a:r>
              <a:rPr lang="en-GB" err="1"/>
              <a:t>Analogien</a:t>
            </a:r>
            <a:r>
              <a:rPr lang="en-GB"/>
              <a:t>:</a:t>
            </a:r>
          </a:p>
          <a:p>
            <a:r>
              <a:rPr lang="en-GB"/>
              <a:t>Precision medicine</a:t>
            </a:r>
            <a:endParaRPr lang="en-NL"/>
          </a:p>
        </p:txBody>
      </p:sp>
      <p:sp>
        <p:nvSpPr>
          <p:cNvPr id="4" name="Slide Number Placeholder 3">
            <a:extLst>
              <a:ext uri="{FF2B5EF4-FFF2-40B4-BE49-F238E27FC236}">
                <a16:creationId xmlns:a16="http://schemas.microsoft.com/office/drawing/2014/main" id="{197B8539-6FD4-9F7B-5028-960D7E116492}"/>
              </a:ext>
            </a:extLst>
          </p:cNvPr>
          <p:cNvSpPr>
            <a:spLocks noGrp="1"/>
          </p:cNvSpPr>
          <p:nvPr>
            <p:ph type="sldNum" sz="quarter" idx="5"/>
          </p:nvPr>
        </p:nvSpPr>
        <p:spPr/>
        <p:txBody>
          <a:bodyPr/>
          <a:lstStyle/>
          <a:p>
            <a:fld id="{0A622139-329B-174F-9882-7DFF5ECAF1D8}" type="slidenum">
              <a:rPr lang="nl-NL" altLang="nl-NL" smtClean="0"/>
              <a:pPr/>
              <a:t>8</a:t>
            </a:fld>
            <a:endParaRPr lang="nl-NL" altLang="nl-NL"/>
          </a:p>
        </p:txBody>
      </p:sp>
    </p:spTree>
    <p:extLst>
      <p:ext uri="{BB962C8B-B14F-4D97-AF65-F5344CB8AC3E}">
        <p14:creationId xmlns:p14="http://schemas.microsoft.com/office/powerpoint/2010/main" val="322525214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dirty="0"/>
              <a:t>Geen hersentumoren</a:t>
            </a:r>
            <a:endParaRPr lang="nl-NL" baseline="0" dirty="0"/>
          </a:p>
        </p:txBody>
      </p:sp>
      <p:sp>
        <p:nvSpPr>
          <p:cNvPr id="4" name="Slide Number Placeholder 3"/>
          <p:cNvSpPr>
            <a:spLocks noGrp="1"/>
          </p:cNvSpPr>
          <p:nvPr>
            <p:ph type="sldNum" sz="quarter" idx="10"/>
          </p:nvPr>
        </p:nvSpPr>
        <p:spPr/>
        <p:txBody>
          <a:bodyPr/>
          <a:lstStyle/>
          <a:p>
            <a:pPr>
              <a:defRPr/>
            </a:pPr>
            <a:fld id="{A787B27C-09DD-4533-8844-949187406D0F}" type="slidenum">
              <a:rPr lang="nl-NL" smtClean="0"/>
              <a:pPr>
                <a:defRPr/>
              </a:pPr>
              <a:t>12</a:t>
            </a:fld>
            <a:endParaRPr lang="nl-NL"/>
          </a:p>
        </p:txBody>
      </p:sp>
    </p:spTree>
    <p:extLst>
      <p:ext uri="{BB962C8B-B14F-4D97-AF65-F5344CB8AC3E}">
        <p14:creationId xmlns:p14="http://schemas.microsoft.com/office/powerpoint/2010/main" val="193783367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l-NL" dirty="0"/>
              <a:t>Geen hersentumoren</a:t>
            </a:r>
            <a:endParaRPr lang="nl-NL" baseline="0" dirty="0"/>
          </a:p>
        </p:txBody>
      </p:sp>
      <p:sp>
        <p:nvSpPr>
          <p:cNvPr id="4" name="Slide Number Placeholder 3"/>
          <p:cNvSpPr>
            <a:spLocks noGrp="1"/>
          </p:cNvSpPr>
          <p:nvPr>
            <p:ph type="sldNum" sz="quarter" idx="10"/>
          </p:nvPr>
        </p:nvSpPr>
        <p:spPr/>
        <p:txBody>
          <a:bodyPr/>
          <a:lstStyle/>
          <a:p>
            <a:pPr>
              <a:defRPr/>
            </a:pPr>
            <a:fld id="{A787B27C-09DD-4533-8844-949187406D0F}" type="slidenum">
              <a:rPr lang="nl-NL" smtClean="0"/>
              <a:pPr>
                <a:defRPr/>
              </a:pPr>
              <a:t>13</a:t>
            </a:fld>
            <a:endParaRPr lang="nl-NL"/>
          </a:p>
        </p:txBody>
      </p:sp>
    </p:spTree>
    <p:extLst>
      <p:ext uri="{BB962C8B-B14F-4D97-AF65-F5344CB8AC3E}">
        <p14:creationId xmlns:p14="http://schemas.microsoft.com/office/powerpoint/2010/main" val="395039989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0" fontAlgn="base" latinLnBrk="0" hangingPunct="0">
              <a:lnSpc>
                <a:spcPct val="100000"/>
              </a:lnSpc>
              <a:spcBef>
                <a:spcPct val="30000"/>
              </a:spcBef>
              <a:spcAft>
                <a:spcPct val="0"/>
              </a:spcAft>
              <a:buClrTx/>
              <a:buSzTx/>
              <a:buFontTx/>
              <a:buNone/>
              <a:tabLst/>
              <a:defRPr/>
            </a:pPr>
            <a:r>
              <a:rPr lang="en-GB" b="1" i="0">
                <a:solidFill>
                  <a:srgbClr val="1A1A1A"/>
                </a:solidFill>
                <a:effectLst/>
                <a:latin typeface="OTNEJMQuadraat"/>
              </a:rPr>
              <a:t>Dabrafenib plus Trametinib in </a:t>
            </a:r>
            <a:r>
              <a:rPr lang="en-GB" b="1" i="0" err="1">
                <a:solidFill>
                  <a:srgbClr val="1A1A1A"/>
                </a:solidFill>
                <a:effectLst/>
                <a:latin typeface="OTNEJMQuadraat"/>
              </a:rPr>
              <a:t>Pediatric</a:t>
            </a:r>
            <a:r>
              <a:rPr lang="en-GB" b="1" i="0">
                <a:solidFill>
                  <a:srgbClr val="1A1A1A"/>
                </a:solidFill>
                <a:effectLst/>
                <a:latin typeface="OTNEJMQuadraat"/>
              </a:rPr>
              <a:t> Glioma with </a:t>
            </a:r>
            <a:r>
              <a:rPr lang="en-GB" b="1" i="1">
                <a:solidFill>
                  <a:srgbClr val="1A1A1A"/>
                </a:solidFill>
                <a:effectLst/>
                <a:latin typeface="OTNEJMQuadraat"/>
              </a:rPr>
              <a:t>BRAF</a:t>
            </a:r>
            <a:r>
              <a:rPr lang="en-GB" b="1" i="0">
                <a:solidFill>
                  <a:srgbClr val="1A1A1A"/>
                </a:solidFill>
                <a:effectLst/>
                <a:latin typeface="OTNEJMQuadraat"/>
              </a:rPr>
              <a:t> V600 Mutations</a:t>
            </a:r>
          </a:p>
          <a:p>
            <a:r>
              <a:rPr lang="en-GB" err="1"/>
              <a:t>Bouffet</a:t>
            </a:r>
            <a:r>
              <a:rPr lang="en-GB"/>
              <a:t> et al NEJM 2023</a:t>
            </a:r>
            <a:endParaRPr lang="en-NL"/>
          </a:p>
        </p:txBody>
      </p:sp>
      <p:sp>
        <p:nvSpPr>
          <p:cNvPr id="4" name="Slide Number Placeholder 3"/>
          <p:cNvSpPr>
            <a:spLocks noGrp="1"/>
          </p:cNvSpPr>
          <p:nvPr>
            <p:ph type="sldNum" sz="quarter" idx="5"/>
          </p:nvPr>
        </p:nvSpPr>
        <p:spPr/>
        <p:txBody>
          <a:bodyPr/>
          <a:lstStyle/>
          <a:p>
            <a:fld id="{0A622139-329B-174F-9882-7DFF5ECAF1D8}" type="slidenum">
              <a:rPr lang="nl-NL" altLang="nl-NL" smtClean="0"/>
              <a:pPr/>
              <a:t>16</a:t>
            </a:fld>
            <a:endParaRPr lang="nl-NL" altLang="nl-NL"/>
          </a:p>
        </p:txBody>
      </p:sp>
    </p:spTree>
    <p:extLst>
      <p:ext uri="{BB962C8B-B14F-4D97-AF65-F5344CB8AC3E}">
        <p14:creationId xmlns:p14="http://schemas.microsoft.com/office/powerpoint/2010/main" val="563038031"/>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1A69178-2730-0604-C4C6-77FAE2B4ED9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B3E504D-E37E-7877-43A5-82BAFD30286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0D655555-2E02-D4F3-5D0F-22511291D151}"/>
              </a:ext>
            </a:extLst>
          </p:cNvPr>
          <p:cNvSpPr>
            <a:spLocks noGrp="1"/>
          </p:cNvSpPr>
          <p:nvPr>
            <p:ph type="body" idx="1"/>
          </p:nvPr>
        </p:nvSpPr>
        <p:spPr/>
        <p:txBody>
          <a:bodyPr/>
          <a:lstStyle/>
          <a:p>
            <a:r>
              <a:rPr lang="en-GB" err="1"/>
              <a:t>Analogien</a:t>
            </a:r>
            <a:r>
              <a:rPr lang="en-GB"/>
              <a:t>:</a:t>
            </a:r>
          </a:p>
          <a:p>
            <a:r>
              <a:rPr lang="en-GB"/>
              <a:t>Precision medicine</a:t>
            </a:r>
            <a:endParaRPr lang="en-NL"/>
          </a:p>
        </p:txBody>
      </p:sp>
      <p:sp>
        <p:nvSpPr>
          <p:cNvPr id="4" name="Slide Number Placeholder 3">
            <a:extLst>
              <a:ext uri="{FF2B5EF4-FFF2-40B4-BE49-F238E27FC236}">
                <a16:creationId xmlns:a16="http://schemas.microsoft.com/office/drawing/2014/main" id="{34C57451-9BFB-BE77-7738-A8087D0A131F}"/>
              </a:ext>
            </a:extLst>
          </p:cNvPr>
          <p:cNvSpPr>
            <a:spLocks noGrp="1"/>
          </p:cNvSpPr>
          <p:nvPr>
            <p:ph type="sldNum" sz="quarter" idx="5"/>
          </p:nvPr>
        </p:nvSpPr>
        <p:spPr/>
        <p:txBody>
          <a:bodyPr/>
          <a:lstStyle/>
          <a:p>
            <a:fld id="{0A622139-329B-174F-9882-7DFF5ECAF1D8}" type="slidenum">
              <a:rPr lang="nl-NL" altLang="nl-NL" smtClean="0"/>
              <a:pPr/>
              <a:t>18</a:t>
            </a:fld>
            <a:endParaRPr lang="nl-NL" altLang="nl-NL"/>
          </a:p>
        </p:txBody>
      </p:sp>
    </p:spTree>
    <p:extLst>
      <p:ext uri="{BB962C8B-B14F-4D97-AF65-F5344CB8AC3E}">
        <p14:creationId xmlns:p14="http://schemas.microsoft.com/office/powerpoint/2010/main" val="3240277186"/>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eldia">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E5C8C94-6483-5F44-A214-6BBE58E30B33}"/>
              </a:ext>
            </a:extLst>
          </p:cNvPr>
          <p:cNvSpPr>
            <a:spLocks noGrp="1"/>
          </p:cNvSpPr>
          <p:nvPr>
            <p:ph type="ctrTitle" hasCustomPrompt="1"/>
          </p:nvPr>
        </p:nvSpPr>
        <p:spPr>
          <a:xfrm>
            <a:off x="631825" y="313067"/>
            <a:ext cx="9531678" cy="2387600"/>
          </a:xfrm>
        </p:spPr>
        <p:txBody>
          <a:bodyPr anchor="b">
            <a:noAutofit/>
          </a:bodyPr>
          <a:lstStyle>
            <a:lvl1pPr algn="l">
              <a:defRPr sz="6000">
                <a:solidFill>
                  <a:schemeClr val="accent1"/>
                </a:solidFill>
              </a:defRPr>
            </a:lvl1pPr>
          </a:lstStyle>
          <a:p>
            <a:r>
              <a:rPr lang="nl-NL"/>
              <a:t>Voeg titel toe</a:t>
            </a:r>
          </a:p>
        </p:txBody>
      </p:sp>
      <p:sp>
        <p:nvSpPr>
          <p:cNvPr id="3" name="Ondertitel 2">
            <a:extLst>
              <a:ext uri="{FF2B5EF4-FFF2-40B4-BE49-F238E27FC236}">
                <a16:creationId xmlns:a16="http://schemas.microsoft.com/office/drawing/2014/main" id="{D28D2045-79CC-614D-BA13-696E7AAAEE4A}"/>
              </a:ext>
            </a:extLst>
          </p:cNvPr>
          <p:cNvSpPr>
            <a:spLocks noGrp="1"/>
          </p:cNvSpPr>
          <p:nvPr>
            <p:ph type="subTitle" idx="1" hasCustomPrompt="1"/>
          </p:nvPr>
        </p:nvSpPr>
        <p:spPr>
          <a:xfrm>
            <a:off x="631825" y="2876824"/>
            <a:ext cx="9531678" cy="165576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4" name="Date Placeholder 3">
            <a:extLst>
              <a:ext uri="{FF2B5EF4-FFF2-40B4-BE49-F238E27FC236}">
                <a16:creationId xmlns:a16="http://schemas.microsoft.com/office/drawing/2014/main" id="{0736DB54-88F1-4358-B17D-E35D994C4489}"/>
              </a:ext>
            </a:extLst>
          </p:cNvPr>
          <p:cNvSpPr>
            <a:spLocks noGrp="1"/>
          </p:cNvSpPr>
          <p:nvPr>
            <p:ph type="dt" sz="half" idx="10"/>
          </p:nvPr>
        </p:nvSpPr>
        <p:spPr>
          <a:xfrm>
            <a:off x="631825" y="7165952"/>
            <a:ext cx="832104" cy="200055"/>
          </a:xfrm>
        </p:spPr>
        <p:txBody>
          <a:bodyPr/>
          <a:lstStyle/>
          <a:p>
            <a:fld id="{0FBDD9FE-454E-427B-A3A1-00EEA30AE87E}" type="datetime1">
              <a:rPr lang="en-GB" smtClean="0"/>
              <a:t>15/03/2025</a:t>
            </a:fld>
            <a:endParaRPr lang="en-GB"/>
          </a:p>
        </p:txBody>
      </p:sp>
      <p:sp>
        <p:nvSpPr>
          <p:cNvPr id="5" name="Footer Placeholder 4">
            <a:extLst>
              <a:ext uri="{FF2B5EF4-FFF2-40B4-BE49-F238E27FC236}">
                <a16:creationId xmlns:a16="http://schemas.microsoft.com/office/drawing/2014/main" id="{362EDB1A-A8E9-4E2A-8325-F6C81582082B}"/>
              </a:ext>
            </a:extLst>
          </p:cNvPr>
          <p:cNvSpPr>
            <a:spLocks noGrp="1"/>
          </p:cNvSpPr>
          <p:nvPr>
            <p:ph type="ftr" sz="quarter" idx="11"/>
          </p:nvPr>
        </p:nvSpPr>
        <p:spPr>
          <a:xfrm>
            <a:off x="1562356" y="7165951"/>
            <a:ext cx="8694253" cy="200055"/>
          </a:xfrm>
        </p:spPr>
        <p:txBody>
          <a:bodyPr/>
          <a:lstStyle/>
          <a:p>
            <a:endParaRPr lang="en-GB"/>
          </a:p>
        </p:txBody>
      </p:sp>
      <p:sp>
        <p:nvSpPr>
          <p:cNvPr id="6" name="Slide Number Placeholder 5">
            <a:extLst>
              <a:ext uri="{FF2B5EF4-FFF2-40B4-BE49-F238E27FC236}">
                <a16:creationId xmlns:a16="http://schemas.microsoft.com/office/drawing/2014/main" id="{6D8D8322-31E3-481B-ABDE-EA810DE824AC}"/>
              </a:ext>
            </a:extLst>
          </p:cNvPr>
          <p:cNvSpPr>
            <a:spLocks noGrp="1"/>
          </p:cNvSpPr>
          <p:nvPr>
            <p:ph type="sldNum" sz="quarter" idx="12"/>
          </p:nvPr>
        </p:nvSpPr>
        <p:spPr>
          <a:xfrm>
            <a:off x="10355036" y="7165953"/>
            <a:ext cx="486000" cy="200055"/>
          </a:xfrm>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84186368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Vergelijking">
    <p:spTree>
      <p:nvGrpSpPr>
        <p:cNvPr id="1" name=""/>
        <p:cNvGrpSpPr/>
        <p:nvPr/>
      </p:nvGrpSpPr>
      <p:grpSpPr>
        <a:xfrm>
          <a:off x="0" y="0"/>
          <a:ext cx="0" cy="0"/>
          <a:chOff x="0" y="0"/>
          <a:chExt cx="0" cy="0"/>
        </a:xfrm>
      </p:grpSpPr>
      <p:sp>
        <p:nvSpPr>
          <p:cNvPr id="3" name="Tijdelijke aanduiding voor tekst 2">
            <a:extLst>
              <a:ext uri="{FF2B5EF4-FFF2-40B4-BE49-F238E27FC236}">
                <a16:creationId xmlns:a16="http://schemas.microsoft.com/office/drawing/2014/main" id="{D765F5E8-6299-BB40-AA7E-D87AA34359DD}"/>
              </a:ext>
            </a:extLst>
          </p:cNvPr>
          <p:cNvSpPr>
            <a:spLocks noGrp="1"/>
          </p:cNvSpPr>
          <p:nvPr>
            <p:ph type="body" idx="1"/>
          </p:nvPr>
        </p:nvSpPr>
        <p:spPr>
          <a:xfrm>
            <a:off x="633482" y="1818172"/>
            <a:ext cx="5026783"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nl-NL"/>
          </a:p>
        </p:txBody>
      </p:sp>
      <p:sp>
        <p:nvSpPr>
          <p:cNvPr id="5" name="Tijdelijke aanduiding voor tekst 4">
            <a:extLst>
              <a:ext uri="{FF2B5EF4-FFF2-40B4-BE49-F238E27FC236}">
                <a16:creationId xmlns:a16="http://schemas.microsoft.com/office/drawing/2014/main" id="{6EEDA3F4-ED99-D54F-B0AE-3E3ADFDC094F}"/>
              </a:ext>
            </a:extLst>
          </p:cNvPr>
          <p:cNvSpPr>
            <a:spLocks noGrp="1"/>
          </p:cNvSpPr>
          <p:nvPr>
            <p:ph type="body" sz="quarter" idx="3"/>
          </p:nvPr>
        </p:nvSpPr>
        <p:spPr>
          <a:xfrm>
            <a:off x="5812630" y="1818172"/>
            <a:ext cx="5028406"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nl-NL"/>
          </a:p>
        </p:txBody>
      </p:sp>
      <p:sp>
        <p:nvSpPr>
          <p:cNvPr id="14" name="Tijdelijke aanduiding voor inhoud 2">
            <a:extLst>
              <a:ext uri="{FF2B5EF4-FFF2-40B4-BE49-F238E27FC236}">
                <a16:creationId xmlns:a16="http://schemas.microsoft.com/office/drawing/2014/main" id="{F28CC1D8-B688-4145-9196-20A3827814D3}"/>
              </a:ext>
            </a:extLst>
          </p:cNvPr>
          <p:cNvSpPr>
            <a:spLocks noGrp="1"/>
          </p:cNvSpPr>
          <p:nvPr>
            <p:ph sz="half" idx="14"/>
          </p:nvPr>
        </p:nvSpPr>
        <p:spPr>
          <a:xfrm>
            <a:off x="631826" y="2642084"/>
            <a:ext cx="5028405" cy="3215790"/>
          </a:xfrm>
        </p:spPr>
        <p:txBody>
          <a:bodyPr/>
          <a:lstStyle>
            <a:lvl1pPr>
              <a:defRPr sz="2400"/>
            </a:lvl1pPr>
          </a:lstStyle>
          <a:p>
            <a:pPr lvl="0"/>
            <a:endParaRPr lang="nl-NL"/>
          </a:p>
        </p:txBody>
      </p:sp>
      <p:sp>
        <p:nvSpPr>
          <p:cNvPr id="15" name="Tijdelijke aanduiding voor inhoud 3">
            <a:extLst>
              <a:ext uri="{FF2B5EF4-FFF2-40B4-BE49-F238E27FC236}">
                <a16:creationId xmlns:a16="http://schemas.microsoft.com/office/drawing/2014/main" id="{5E7B9D8C-5520-4CA3-8B03-D336D53E0E10}"/>
              </a:ext>
            </a:extLst>
          </p:cNvPr>
          <p:cNvSpPr>
            <a:spLocks noGrp="1"/>
          </p:cNvSpPr>
          <p:nvPr>
            <p:ph sz="half" idx="2"/>
          </p:nvPr>
        </p:nvSpPr>
        <p:spPr>
          <a:xfrm>
            <a:off x="5812630" y="2642084"/>
            <a:ext cx="5028406" cy="3215790"/>
          </a:xfrm>
        </p:spPr>
        <p:txBody>
          <a:bodyPr/>
          <a:lstStyle>
            <a:lvl1pPr>
              <a:defRPr sz="2400"/>
            </a:lvl1pPr>
          </a:lstStyle>
          <a:p>
            <a:pPr lvl="0"/>
            <a:endParaRPr lang="nl-NL"/>
          </a:p>
        </p:txBody>
      </p:sp>
      <p:sp>
        <p:nvSpPr>
          <p:cNvPr id="18" name="Ondertitel 2">
            <a:extLst>
              <a:ext uri="{FF2B5EF4-FFF2-40B4-BE49-F238E27FC236}">
                <a16:creationId xmlns:a16="http://schemas.microsoft.com/office/drawing/2014/main" id="{A226B935-B8CA-45B5-9B1A-6DD312D7A97F}"/>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21" name="Title 20">
            <a:extLst>
              <a:ext uri="{FF2B5EF4-FFF2-40B4-BE49-F238E27FC236}">
                <a16:creationId xmlns:a16="http://schemas.microsoft.com/office/drawing/2014/main" id="{749B6409-B371-4B9F-B3ED-16C2E291560A}"/>
              </a:ext>
            </a:extLst>
          </p:cNvPr>
          <p:cNvSpPr>
            <a:spLocks noGrp="1"/>
          </p:cNvSpPr>
          <p:nvPr>
            <p:ph type="title" hasCustomPrompt="1"/>
          </p:nvPr>
        </p:nvSpPr>
        <p:spPr/>
        <p:txBody>
          <a:bodyPr/>
          <a:lstStyle>
            <a:lvl1pPr>
              <a:defRPr/>
            </a:lvl1pPr>
          </a:lstStyle>
          <a:p>
            <a:r>
              <a:rPr lang="nl-NL" noProof="0"/>
              <a:t>Voeg titel </a:t>
            </a:r>
            <a:r>
              <a:rPr lang="en-US"/>
              <a:t>toe</a:t>
            </a:r>
          </a:p>
        </p:txBody>
      </p:sp>
      <p:sp>
        <p:nvSpPr>
          <p:cNvPr id="2" name="Date Placeholder 1">
            <a:extLst>
              <a:ext uri="{FF2B5EF4-FFF2-40B4-BE49-F238E27FC236}">
                <a16:creationId xmlns:a16="http://schemas.microsoft.com/office/drawing/2014/main" id="{31D5B612-A5DC-429C-BEED-F567BC46DA16}"/>
              </a:ext>
            </a:extLst>
          </p:cNvPr>
          <p:cNvSpPr>
            <a:spLocks noGrp="1"/>
          </p:cNvSpPr>
          <p:nvPr>
            <p:ph type="dt" sz="half" idx="15"/>
          </p:nvPr>
        </p:nvSpPr>
        <p:spPr/>
        <p:txBody>
          <a:bodyPr/>
          <a:lstStyle/>
          <a:p>
            <a:fld id="{4A16BB2A-F23F-4E0F-829E-86051D38B0EA}" type="datetime1">
              <a:rPr lang="nl-NL" noProof="0" smtClean="0"/>
              <a:t>15-03-2025</a:t>
            </a:fld>
            <a:endParaRPr lang="nl-NL" noProof="0"/>
          </a:p>
        </p:txBody>
      </p:sp>
      <p:sp>
        <p:nvSpPr>
          <p:cNvPr id="4" name="Footer Placeholder 3">
            <a:extLst>
              <a:ext uri="{FF2B5EF4-FFF2-40B4-BE49-F238E27FC236}">
                <a16:creationId xmlns:a16="http://schemas.microsoft.com/office/drawing/2014/main" id="{C3805DAB-FAA5-42E4-AA95-5CB304C269C4}"/>
              </a:ext>
            </a:extLst>
          </p:cNvPr>
          <p:cNvSpPr>
            <a:spLocks noGrp="1"/>
          </p:cNvSpPr>
          <p:nvPr>
            <p:ph type="ftr" sz="quarter" idx="16"/>
          </p:nvPr>
        </p:nvSpPr>
        <p:spPr/>
        <p:txBody>
          <a:bodyPr/>
          <a:lstStyle/>
          <a:p>
            <a:endParaRPr lang="nl-NL" noProof="0"/>
          </a:p>
        </p:txBody>
      </p:sp>
      <p:sp>
        <p:nvSpPr>
          <p:cNvPr id="6" name="Slide Number Placeholder 5">
            <a:extLst>
              <a:ext uri="{FF2B5EF4-FFF2-40B4-BE49-F238E27FC236}">
                <a16:creationId xmlns:a16="http://schemas.microsoft.com/office/drawing/2014/main" id="{81B5E665-0587-47B7-AAB9-E02D385674B3}"/>
              </a:ext>
            </a:extLst>
          </p:cNvPr>
          <p:cNvSpPr>
            <a:spLocks noGrp="1"/>
          </p:cNvSpPr>
          <p:nvPr>
            <p:ph type="sldNum" sz="quarter" idx="17"/>
          </p:nvPr>
        </p:nvSpPr>
        <p:spPr/>
        <p:txBody>
          <a:bodyPr/>
          <a:lstStyle/>
          <a:p>
            <a:fld id="{83D1311D-0AF4-BF42-8BF9-EAD1FE65203C}" type="slidenum">
              <a:rPr lang="nl-NL" noProof="0" smtClean="0"/>
              <a:pPr/>
              <a:t>‹nr.›</a:t>
            </a:fld>
            <a:endParaRPr lang="nl-NL" noProof="0"/>
          </a:p>
        </p:txBody>
      </p:sp>
    </p:spTree>
    <p:extLst>
      <p:ext uri="{BB962C8B-B14F-4D97-AF65-F5344CB8AC3E}">
        <p14:creationId xmlns:p14="http://schemas.microsoft.com/office/powerpoint/2010/main" val="141816790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Afbeeldin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CC1BF7E4-62DA-49C2-9061-4B75E6E294E7}"/>
              </a:ext>
            </a:extLst>
          </p:cNvPr>
          <p:cNvSpPr>
            <a:spLocks noGrp="1"/>
          </p:cNvSpPr>
          <p:nvPr>
            <p:ph type="pic" sz="quarter" idx="10"/>
          </p:nvPr>
        </p:nvSpPr>
        <p:spPr>
          <a:xfrm>
            <a:off x="0" y="0"/>
            <a:ext cx="12192000" cy="6858000"/>
          </a:xfrm>
          <a:custGeom>
            <a:avLst/>
            <a:gdLst>
              <a:gd name="connsiteX0" fmla="*/ 0 w 12192000"/>
              <a:gd name="connsiteY0" fmla="*/ 0 h 6858000"/>
              <a:gd name="connsiteX1" fmla="*/ 12192000 w 12192000"/>
              <a:gd name="connsiteY1" fmla="*/ 0 h 6858000"/>
              <a:gd name="connsiteX2" fmla="*/ 12192000 w 12192000"/>
              <a:gd name="connsiteY2" fmla="*/ 5928360 h 6858000"/>
              <a:gd name="connsiteX3" fmla="*/ 12192000 w 12192000"/>
              <a:gd name="connsiteY3" fmla="*/ 6858000 h 6858000"/>
              <a:gd name="connsiteX4" fmla="*/ 10546080 w 12192000"/>
              <a:gd name="connsiteY4" fmla="*/ 6858000 h 6858000"/>
              <a:gd name="connsiteX5" fmla="*/ 0 w 12192000"/>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00" h="6858000">
                <a:moveTo>
                  <a:pt x="0" y="0"/>
                </a:moveTo>
                <a:lnTo>
                  <a:pt x="12192000" y="0"/>
                </a:lnTo>
                <a:lnTo>
                  <a:pt x="12192000" y="5928360"/>
                </a:lnTo>
                <a:lnTo>
                  <a:pt x="12192000" y="6858000"/>
                </a:lnTo>
                <a:lnTo>
                  <a:pt x="10546080" y="6858000"/>
                </a:lnTo>
                <a:lnTo>
                  <a:pt x="0" y="6858000"/>
                </a:lnTo>
                <a:close/>
              </a:path>
            </a:pathLst>
          </a:custGeom>
        </p:spPr>
        <p:txBody>
          <a:bodyPr wrap="square" anchor="ctr">
            <a:noAutofit/>
          </a:bodyPr>
          <a:lstStyle>
            <a:lvl1pPr marL="0" indent="0" algn="ctr">
              <a:buNone/>
              <a:defRPr sz="2400"/>
            </a:lvl1pPr>
          </a:lstStyle>
          <a:p>
            <a:pPr lvl="0"/>
            <a:endParaRPr lang="nl-NL" noProof="0"/>
          </a:p>
        </p:txBody>
      </p:sp>
      <p:sp>
        <p:nvSpPr>
          <p:cNvPr id="15" name="Date Placeholder 3">
            <a:extLst>
              <a:ext uri="{FF2B5EF4-FFF2-40B4-BE49-F238E27FC236}">
                <a16:creationId xmlns:a16="http://schemas.microsoft.com/office/drawing/2014/main" id="{B8B169DA-F6EB-44C4-8C39-89055F4E21BB}"/>
              </a:ext>
            </a:extLst>
          </p:cNvPr>
          <p:cNvSpPr>
            <a:spLocks noGrp="1"/>
          </p:cNvSpPr>
          <p:nvPr>
            <p:ph type="dt" sz="half" idx="11"/>
          </p:nvPr>
        </p:nvSpPr>
        <p:spPr>
          <a:xfrm>
            <a:off x="631825" y="7165952"/>
            <a:ext cx="832104" cy="200055"/>
          </a:xfrm>
        </p:spPr>
        <p:txBody>
          <a:bodyPr/>
          <a:lstStyle/>
          <a:p>
            <a:fld id="{5DA6945E-81CA-4BD3-A6D1-5E443B4DE943}" type="datetime1">
              <a:rPr lang="nl-NL" noProof="0" smtClean="0"/>
              <a:t>15-03-2025</a:t>
            </a:fld>
            <a:endParaRPr lang="nl-NL" noProof="0"/>
          </a:p>
        </p:txBody>
      </p:sp>
      <p:sp>
        <p:nvSpPr>
          <p:cNvPr id="16" name="Footer Placeholder 4">
            <a:extLst>
              <a:ext uri="{FF2B5EF4-FFF2-40B4-BE49-F238E27FC236}">
                <a16:creationId xmlns:a16="http://schemas.microsoft.com/office/drawing/2014/main" id="{D5721CA1-4C99-4AE1-A09F-C01D6D60F419}"/>
              </a:ext>
            </a:extLst>
          </p:cNvPr>
          <p:cNvSpPr>
            <a:spLocks noGrp="1"/>
          </p:cNvSpPr>
          <p:nvPr>
            <p:ph type="ftr" sz="quarter" idx="12"/>
          </p:nvPr>
        </p:nvSpPr>
        <p:spPr>
          <a:xfrm>
            <a:off x="1562356" y="7165951"/>
            <a:ext cx="8694253" cy="200055"/>
          </a:xfrm>
        </p:spPr>
        <p:txBody>
          <a:bodyPr/>
          <a:lstStyle/>
          <a:p>
            <a:endParaRPr lang="nl-NL" noProof="0"/>
          </a:p>
        </p:txBody>
      </p:sp>
      <p:sp>
        <p:nvSpPr>
          <p:cNvPr id="17" name="Slide Number Placeholder 5">
            <a:extLst>
              <a:ext uri="{FF2B5EF4-FFF2-40B4-BE49-F238E27FC236}">
                <a16:creationId xmlns:a16="http://schemas.microsoft.com/office/drawing/2014/main" id="{B77AFA47-3EE4-4DA3-A423-AE9B8CB63208}"/>
              </a:ext>
            </a:extLst>
          </p:cNvPr>
          <p:cNvSpPr>
            <a:spLocks noGrp="1"/>
          </p:cNvSpPr>
          <p:nvPr>
            <p:ph type="sldNum" sz="quarter" idx="13"/>
          </p:nvPr>
        </p:nvSpPr>
        <p:spPr>
          <a:xfrm>
            <a:off x="10355036" y="7165953"/>
            <a:ext cx="486000" cy="200055"/>
          </a:xfrm>
        </p:spPr>
        <p:txBody>
          <a:bodyPr/>
          <a:lstStyle/>
          <a:p>
            <a:fld id="{83D1311D-0AF4-BF42-8BF9-EAD1FE65203C}" type="slidenum">
              <a:rPr lang="nl-NL" noProof="0" smtClean="0"/>
              <a:pPr/>
              <a:t>‹nr.›</a:t>
            </a:fld>
            <a:endParaRPr lang="nl-NL" noProof="0"/>
          </a:p>
        </p:txBody>
      </p:sp>
      <p:sp>
        <p:nvSpPr>
          <p:cNvPr id="12" name="Text Placeholder 2059">
            <a:extLst>
              <a:ext uri="{FF2B5EF4-FFF2-40B4-BE49-F238E27FC236}">
                <a16:creationId xmlns:a16="http://schemas.microsoft.com/office/drawing/2014/main" id="{70D4D95F-9082-4390-8238-9D84FFCB5E8A}"/>
              </a:ext>
            </a:extLst>
          </p:cNvPr>
          <p:cNvSpPr>
            <a:spLocks noGrp="1"/>
          </p:cNvSpPr>
          <p:nvPr>
            <p:ph type="body" sz="quarter" idx="16" hasCustomPrompt="1"/>
          </p:nvPr>
        </p:nvSpPr>
        <p:spPr>
          <a:xfrm>
            <a:off x="11056619" y="6322695"/>
            <a:ext cx="912763" cy="359794"/>
          </a:xfrm>
          <a:blipFill dpi="0" rotWithShape="1">
            <a:blip r:embed="rId2">
              <a:extLst>
                <a:ext uri="{28A0092B-C50C-407E-A947-70E740481C1C}">
                  <a14:useLocalDpi xmlns:a14="http://schemas.microsoft.com/office/drawing/2010/main" val="0"/>
                </a:ext>
              </a:extLst>
            </a:blip>
            <a:srcRect/>
            <a:stretch>
              <a:fillRect/>
            </a:stretch>
          </a:blipFill>
        </p:spPr>
        <p:txBody>
          <a:bodyPr/>
          <a:lstStyle>
            <a:lvl1pPr marL="0" indent="0">
              <a:buNone/>
              <a:defRPr/>
            </a:lvl1pPr>
          </a:lstStyle>
          <a:p>
            <a:pPr lvl="0"/>
            <a:r>
              <a:rPr lang="en-US"/>
              <a:t> </a:t>
            </a:r>
          </a:p>
        </p:txBody>
      </p:sp>
    </p:spTree>
    <p:extLst>
      <p:ext uri="{BB962C8B-B14F-4D97-AF65-F5344CB8AC3E}">
        <p14:creationId xmlns:p14="http://schemas.microsoft.com/office/powerpoint/2010/main" val="3546806594"/>
      </p:ext>
    </p:extLst>
  </p:cSld>
  <p:clrMapOvr>
    <a:masterClrMapping/>
  </p:clrMapOvr>
  <p:transition spd="slow">
    <p:wip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lleen titel">
    <p:spTree>
      <p:nvGrpSpPr>
        <p:cNvPr id="1" name=""/>
        <p:cNvGrpSpPr/>
        <p:nvPr/>
      </p:nvGrpSpPr>
      <p:grpSpPr>
        <a:xfrm>
          <a:off x="0" y="0"/>
          <a:ext cx="0" cy="0"/>
          <a:chOff x="0" y="0"/>
          <a:chExt cx="0" cy="0"/>
        </a:xfrm>
      </p:grpSpPr>
      <p:sp>
        <p:nvSpPr>
          <p:cNvPr id="11" name="Ondertitel 2">
            <a:extLst>
              <a:ext uri="{FF2B5EF4-FFF2-40B4-BE49-F238E27FC236}">
                <a16:creationId xmlns:a16="http://schemas.microsoft.com/office/drawing/2014/main" id="{1740F6E3-BB69-4FDB-B455-05A3929CE3E8}"/>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12" name="Title 11">
            <a:extLst>
              <a:ext uri="{FF2B5EF4-FFF2-40B4-BE49-F238E27FC236}">
                <a16:creationId xmlns:a16="http://schemas.microsoft.com/office/drawing/2014/main" id="{5B2E0F06-95BB-4E0F-B6D2-44A1325E008F}"/>
              </a:ext>
            </a:extLst>
          </p:cNvPr>
          <p:cNvSpPr>
            <a:spLocks noGrp="1"/>
          </p:cNvSpPr>
          <p:nvPr>
            <p:ph type="title" hasCustomPrompt="1"/>
          </p:nvPr>
        </p:nvSpPr>
        <p:spPr/>
        <p:txBody>
          <a:bodyPr/>
          <a:lstStyle>
            <a:lvl1pPr>
              <a:defRPr/>
            </a:lvl1pPr>
          </a:lstStyle>
          <a:p>
            <a:r>
              <a:rPr lang="nl-NL" noProof="0"/>
              <a:t>Voeg titel toe</a:t>
            </a:r>
          </a:p>
        </p:txBody>
      </p:sp>
      <p:sp>
        <p:nvSpPr>
          <p:cNvPr id="2" name="Date Placeholder 1">
            <a:extLst>
              <a:ext uri="{FF2B5EF4-FFF2-40B4-BE49-F238E27FC236}">
                <a16:creationId xmlns:a16="http://schemas.microsoft.com/office/drawing/2014/main" id="{E90DE726-9C54-4569-9477-C17382798F10}"/>
              </a:ext>
            </a:extLst>
          </p:cNvPr>
          <p:cNvSpPr>
            <a:spLocks noGrp="1"/>
          </p:cNvSpPr>
          <p:nvPr>
            <p:ph type="dt" sz="half" idx="14"/>
          </p:nvPr>
        </p:nvSpPr>
        <p:spPr/>
        <p:txBody>
          <a:bodyPr/>
          <a:lstStyle/>
          <a:p>
            <a:fld id="{65E688D0-DE6F-477F-B90C-D66EB6B4C12B}" type="datetime1">
              <a:rPr lang="nl-NL" noProof="0" smtClean="0"/>
              <a:t>15-03-2025</a:t>
            </a:fld>
            <a:endParaRPr lang="nl-NL" noProof="0"/>
          </a:p>
        </p:txBody>
      </p:sp>
      <p:sp>
        <p:nvSpPr>
          <p:cNvPr id="3" name="Footer Placeholder 2">
            <a:extLst>
              <a:ext uri="{FF2B5EF4-FFF2-40B4-BE49-F238E27FC236}">
                <a16:creationId xmlns:a16="http://schemas.microsoft.com/office/drawing/2014/main" id="{88E679D3-9656-4BF5-BF31-B4F76FB4DF74}"/>
              </a:ext>
            </a:extLst>
          </p:cNvPr>
          <p:cNvSpPr>
            <a:spLocks noGrp="1"/>
          </p:cNvSpPr>
          <p:nvPr>
            <p:ph type="ftr" sz="quarter" idx="15"/>
          </p:nvPr>
        </p:nvSpPr>
        <p:spPr/>
        <p:txBody>
          <a:bodyPr/>
          <a:lstStyle/>
          <a:p>
            <a:endParaRPr lang="nl-NL" noProof="0"/>
          </a:p>
        </p:txBody>
      </p:sp>
      <p:sp>
        <p:nvSpPr>
          <p:cNvPr id="4" name="Slide Number Placeholder 3">
            <a:extLst>
              <a:ext uri="{FF2B5EF4-FFF2-40B4-BE49-F238E27FC236}">
                <a16:creationId xmlns:a16="http://schemas.microsoft.com/office/drawing/2014/main" id="{BEF84C3F-81CA-4916-B522-934D603E63BC}"/>
              </a:ext>
            </a:extLst>
          </p:cNvPr>
          <p:cNvSpPr>
            <a:spLocks noGrp="1"/>
          </p:cNvSpPr>
          <p:nvPr>
            <p:ph type="sldNum" sz="quarter" idx="16"/>
          </p:nvPr>
        </p:nvSpPr>
        <p:spPr/>
        <p:txBody>
          <a:bodyPr/>
          <a:lstStyle/>
          <a:p>
            <a:fld id="{83D1311D-0AF4-BF42-8BF9-EAD1FE65203C}" type="slidenum">
              <a:rPr lang="nl-NL" noProof="0" smtClean="0"/>
              <a:pPr/>
              <a:t>‹nr.›</a:t>
            </a:fld>
            <a:endParaRPr lang="nl-NL" noProof="0"/>
          </a:p>
        </p:txBody>
      </p:sp>
    </p:spTree>
    <p:extLst>
      <p:ext uri="{BB962C8B-B14F-4D97-AF65-F5344CB8AC3E}">
        <p14:creationId xmlns:p14="http://schemas.microsoft.com/office/powerpoint/2010/main" val="414750220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Lee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90DE726-9C54-4569-9477-C17382798F10}"/>
              </a:ext>
            </a:extLst>
          </p:cNvPr>
          <p:cNvSpPr>
            <a:spLocks noGrp="1"/>
          </p:cNvSpPr>
          <p:nvPr>
            <p:ph type="dt" sz="half" idx="14"/>
          </p:nvPr>
        </p:nvSpPr>
        <p:spPr/>
        <p:txBody>
          <a:bodyPr/>
          <a:lstStyle/>
          <a:p>
            <a:fld id="{65E688D0-DE6F-477F-B90C-D66EB6B4C12B}" type="datetime1">
              <a:rPr lang="nl-NL" noProof="0" smtClean="0"/>
              <a:t>15-03-2025</a:t>
            </a:fld>
            <a:endParaRPr lang="nl-NL" noProof="0"/>
          </a:p>
        </p:txBody>
      </p:sp>
      <p:sp>
        <p:nvSpPr>
          <p:cNvPr id="3" name="Footer Placeholder 2">
            <a:extLst>
              <a:ext uri="{FF2B5EF4-FFF2-40B4-BE49-F238E27FC236}">
                <a16:creationId xmlns:a16="http://schemas.microsoft.com/office/drawing/2014/main" id="{88E679D3-9656-4BF5-BF31-B4F76FB4DF74}"/>
              </a:ext>
            </a:extLst>
          </p:cNvPr>
          <p:cNvSpPr>
            <a:spLocks noGrp="1"/>
          </p:cNvSpPr>
          <p:nvPr>
            <p:ph type="ftr" sz="quarter" idx="15"/>
          </p:nvPr>
        </p:nvSpPr>
        <p:spPr/>
        <p:txBody>
          <a:bodyPr/>
          <a:lstStyle/>
          <a:p>
            <a:endParaRPr lang="nl-NL" noProof="0"/>
          </a:p>
        </p:txBody>
      </p:sp>
      <p:sp>
        <p:nvSpPr>
          <p:cNvPr id="4" name="Slide Number Placeholder 3">
            <a:extLst>
              <a:ext uri="{FF2B5EF4-FFF2-40B4-BE49-F238E27FC236}">
                <a16:creationId xmlns:a16="http://schemas.microsoft.com/office/drawing/2014/main" id="{BEF84C3F-81CA-4916-B522-934D603E63BC}"/>
              </a:ext>
            </a:extLst>
          </p:cNvPr>
          <p:cNvSpPr>
            <a:spLocks noGrp="1"/>
          </p:cNvSpPr>
          <p:nvPr>
            <p:ph type="sldNum" sz="quarter" idx="16"/>
          </p:nvPr>
        </p:nvSpPr>
        <p:spPr/>
        <p:txBody>
          <a:bodyPr/>
          <a:lstStyle/>
          <a:p>
            <a:fld id="{83D1311D-0AF4-BF42-8BF9-EAD1FE65203C}" type="slidenum">
              <a:rPr lang="nl-NL" noProof="0" smtClean="0"/>
              <a:pPr/>
              <a:t>‹nr.›</a:t>
            </a:fld>
            <a:endParaRPr lang="nl-NL" noProof="0"/>
          </a:p>
        </p:txBody>
      </p:sp>
    </p:spTree>
    <p:extLst>
      <p:ext uri="{BB962C8B-B14F-4D97-AF65-F5344CB8AC3E}">
        <p14:creationId xmlns:p14="http://schemas.microsoft.com/office/powerpoint/2010/main" val="4141643407"/>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obj">
  <p:cSld name="1_Titel en objec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en-US"/>
              <a:t>Click to edit Master title style</a:t>
            </a:r>
            <a:endParaRPr lang="nl-NL"/>
          </a:p>
        </p:txBody>
      </p:sp>
      <p:sp>
        <p:nvSpPr>
          <p:cNvPr id="3" name="Tijdelijke aanduiding voor inhoud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nl-NL"/>
          </a:p>
        </p:txBody>
      </p:sp>
      <p:sp>
        <p:nvSpPr>
          <p:cNvPr id="4" name="Rectangle 505"/>
          <p:cNvSpPr>
            <a:spLocks noGrp="1" noChangeArrowheads="1"/>
          </p:cNvSpPr>
          <p:nvPr>
            <p:ph type="dt" sz="half" idx="10"/>
          </p:nvPr>
        </p:nvSpPr>
        <p:spPr>
          <a:xfrm>
            <a:off x="9855200" y="6096000"/>
            <a:ext cx="2032000" cy="200055"/>
          </a:xfrm>
          <a:prstGeom prst="rect">
            <a:avLst/>
          </a:prstGeom>
          <a:ln/>
        </p:spPr>
        <p:txBody>
          <a:bodyPr/>
          <a:lstStyle>
            <a:lvl1pPr>
              <a:defRPr/>
            </a:lvl1pPr>
          </a:lstStyle>
          <a:p>
            <a:pPr>
              <a:defRPr/>
            </a:pPr>
            <a:fld id="{E5FFCC43-E127-4F22-A806-FD2A6FDF01FA}" type="datetimeFigureOut">
              <a:rPr lang="nl-NL"/>
              <a:pPr>
                <a:defRPr/>
              </a:pPr>
              <a:t>15-03-2025</a:t>
            </a:fld>
            <a:endParaRPr lang="nl-NL"/>
          </a:p>
        </p:txBody>
      </p:sp>
      <p:sp>
        <p:nvSpPr>
          <p:cNvPr id="5" name="Rectangle 506"/>
          <p:cNvSpPr>
            <a:spLocks noGrp="1" noChangeArrowheads="1"/>
          </p:cNvSpPr>
          <p:nvPr>
            <p:ph type="sldNum" sz="quarter" idx="11"/>
          </p:nvPr>
        </p:nvSpPr>
        <p:spPr>
          <a:xfrm>
            <a:off x="8636000" y="6096000"/>
            <a:ext cx="1625600" cy="200055"/>
          </a:xfrm>
          <a:prstGeom prst="rect">
            <a:avLst/>
          </a:prstGeom>
          <a:ln/>
        </p:spPr>
        <p:txBody>
          <a:bodyPr/>
          <a:lstStyle>
            <a:lvl1pPr>
              <a:defRPr/>
            </a:lvl1pPr>
          </a:lstStyle>
          <a:p>
            <a:pPr>
              <a:defRPr/>
            </a:pPr>
            <a:fld id="{276D52CF-5208-42A4-BA48-F7001505B375}" type="slidenum">
              <a:rPr lang="nl-NL"/>
              <a:pPr>
                <a:defRPr/>
              </a:pPr>
              <a:t>‹nr.›</a:t>
            </a:fld>
            <a:endParaRPr lang="nl-NL"/>
          </a:p>
        </p:txBody>
      </p:sp>
    </p:spTree>
    <p:extLst>
      <p:ext uri="{BB962C8B-B14F-4D97-AF65-F5344CB8AC3E}">
        <p14:creationId xmlns:p14="http://schemas.microsoft.com/office/powerpoint/2010/main" val="1587845565"/>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type="title" preserve="1">
  <p:cSld name="Titeldia (alternatief)">
    <p:spTree>
      <p:nvGrpSpPr>
        <p:cNvPr id="1" name=""/>
        <p:cNvGrpSpPr/>
        <p:nvPr/>
      </p:nvGrpSpPr>
      <p:grpSpPr>
        <a:xfrm>
          <a:off x="0" y="0"/>
          <a:ext cx="0" cy="0"/>
          <a:chOff x="0" y="0"/>
          <a:chExt cx="0" cy="0"/>
        </a:xfrm>
      </p:grpSpPr>
      <p:sp>
        <p:nvSpPr>
          <p:cNvPr id="25" name="Freeform: Shape 24">
            <a:extLst>
              <a:ext uri="{FF2B5EF4-FFF2-40B4-BE49-F238E27FC236}">
                <a16:creationId xmlns:a16="http://schemas.microsoft.com/office/drawing/2014/main" id="{57E780CB-CF25-46D6-AC5C-CFB15D854970}"/>
              </a:ext>
            </a:extLst>
          </p:cNvPr>
          <p:cNvSpPr>
            <a:spLocks/>
          </p:cNvSpPr>
          <p:nvPr userDrawn="1"/>
        </p:nvSpPr>
        <p:spPr bwMode="auto">
          <a:xfrm rot="5400000">
            <a:off x="1883360" y="-1901707"/>
            <a:ext cx="5709971" cy="9505270"/>
          </a:xfrm>
          <a:custGeom>
            <a:avLst/>
            <a:gdLst>
              <a:gd name="connsiteX0" fmla="*/ 0 w 5705912"/>
              <a:gd name="connsiteY0" fmla="*/ 9505270 h 9505270"/>
              <a:gd name="connsiteX1" fmla="*/ 0 w 5705912"/>
              <a:gd name="connsiteY1" fmla="*/ 0 h 9505270"/>
              <a:gd name="connsiteX2" fmla="*/ 5705912 w 5705912"/>
              <a:gd name="connsiteY2" fmla="*/ 5674948 h 9505270"/>
              <a:gd name="connsiteX3" fmla="*/ 5705912 w 5705912"/>
              <a:gd name="connsiteY3" fmla="*/ 9505270 h 9505270"/>
            </a:gdLst>
            <a:ahLst/>
            <a:cxnLst>
              <a:cxn ang="0">
                <a:pos x="connsiteX0" y="connsiteY0"/>
              </a:cxn>
              <a:cxn ang="0">
                <a:pos x="connsiteX1" y="connsiteY1"/>
              </a:cxn>
              <a:cxn ang="0">
                <a:pos x="connsiteX2" y="connsiteY2"/>
              </a:cxn>
              <a:cxn ang="0">
                <a:pos x="connsiteX3" y="connsiteY3"/>
              </a:cxn>
            </a:cxnLst>
            <a:rect l="l" t="t" r="r" b="b"/>
            <a:pathLst>
              <a:path w="5705912" h="9505270">
                <a:moveTo>
                  <a:pt x="0" y="9505270"/>
                </a:moveTo>
                <a:lnTo>
                  <a:pt x="0" y="0"/>
                </a:lnTo>
                <a:lnTo>
                  <a:pt x="5705912" y="5674948"/>
                </a:lnTo>
                <a:lnTo>
                  <a:pt x="5705912" y="9505270"/>
                </a:lnTo>
                <a:close/>
              </a:path>
            </a:pathLst>
          </a:custGeom>
          <a:solidFill>
            <a:schemeClr val="accent4"/>
          </a:solidFill>
          <a:ln>
            <a:noFill/>
          </a:ln>
        </p:spPr>
        <p:txBody>
          <a:bodyPr wrap="square">
            <a:noAutofit/>
          </a:bodyPr>
          <a:lstStyle/>
          <a:p>
            <a:endParaRPr lang="nl-NL"/>
          </a:p>
        </p:txBody>
      </p:sp>
      <p:sp>
        <p:nvSpPr>
          <p:cNvPr id="2" name="Titel 1">
            <a:extLst>
              <a:ext uri="{FF2B5EF4-FFF2-40B4-BE49-F238E27FC236}">
                <a16:creationId xmlns:a16="http://schemas.microsoft.com/office/drawing/2014/main" id="{4E5C8C94-6483-5F44-A214-6BBE58E30B33}"/>
              </a:ext>
            </a:extLst>
          </p:cNvPr>
          <p:cNvSpPr>
            <a:spLocks noGrp="1"/>
          </p:cNvSpPr>
          <p:nvPr>
            <p:ph type="ctrTitle" hasCustomPrompt="1"/>
          </p:nvPr>
        </p:nvSpPr>
        <p:spPr>
          <a:xfrm>
            <a:off x="631825" y="313067"/>
            <a:ext cx="9531678" cy="2387600"/>
          </a:xfrm>
        </p:spPr>
        <p:txBody>
          <a:bodyPr anchor="b">
            <a:noAutofit/>
          </a:bodyPr>
          <a:lstStyle>
            <a:lvl1pPr algn="l">
              <a:defRPr sz="6000">
                <a:solidFill>
                  <a:schemeClr val="accent1"/>
                </a:solidFill>
              </a:defRPr>
            </a:lvl1pPr>
          </a:lstStyle>
          <a:p>
            <a:r>
              <a:rPr lang="nl-NL"/>
              <a:t>Voeg titel toe</a:t>
            </a:r>
          </a:p>
        </p:txBody>
      </p:sp>
      <p:sp>
        <p:nvSpPr>
          <p:cNvPr id="3" name="Ondertitel 2">
            <a:extLst>
              <a:ext uri="{FF2B5EF4-FFF2-40B4-BE49-F238E27FC236}">
                <a16:creationId xmlns:a16="http://schemas.microsoft.com/office/drawing/2014/main" id="{D28D2045-79CC-614D-BA13-696E7AAAEE4A}"/>
              </a:ext>
            </a:extLst>
          </p:cNvPr>
          <p:cNvSpPr>
            <a:spLocks noGrp="1"/>
          </p:cNvSpPr>
          <p:nvPr>
            <p:ph type="subTitle" idx="1" hasCustomPrompt="1"/>
          </p:nvPr>
        </p:nvSpPr>
        <p:spPr>
          <a:xfrm>
            <a:off x="631825" y="2876824"/>
            <a:ext cx="9531678" cy="165576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pic>
        <p:nvPicPr>
          <p:cNvPr id="20" name="Picture 9">
            <a:extLst>
              <a:ext uri="{FF2B5EF4-FFF2-40B4-BE49-F238E27FC236}">
                <a16:creationId xmlns:a16="http://schemas.microsoft.com/office/drawing/2014/main" id="{42E0AF8F-2773-4A1E-A448-0EA7CC0EEB73}"/>
              </a:ext>
            </a:extLst>
          </p:cNvPr>
          <p:cNvPicPr>
            <a:picLocks noChangeAspect="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119360" y="5813207"/>
            <a:ext cx="1978025" cy="1025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9" name="Freeform: Shape 28">
            <a:extLst>
              <a:ext uri="{FF2B5EF4-FFF2-40B4-BE49-F238E27FC236}">
                <a16:creationId xmlns:a16="http://schemas.microsoft.com/office/drawing/2014/main" id="{7CFB27A8-9C4A-461D-9970-77857B17D290}"/>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0" name="Freeform: Shape 29">
            <a:extLst>
              <a:ext uri="{FF2B5EF4-FFF2-40B4-BE49-F238E27FC236}">
                <a16:creationId xmlns:a16="http://schemas.microsoft.com/office/drawing/2014/main" id="{DB080469-7312-4D9A-97F8-76CC0D697DCA}"/>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1" name="Freeform: Shape 30">
            <a:extLst>
              <a:ext uri="{FF2B5EF4-FFF2-40B4-BE49-F238E27FC236}">
                <a16:creationId xmlns:a16="http://schemas.microsoft.com/office/drawing/2014/main" id="{1917E6CC-D4C4-4A9E-961D-0B948335C1D5}"/>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2" name="Freeform: Shape 31">
            <a:extLst>
              <a:ext uri="{FF2B5EF4-FFF2-40B4-BE49-F238E27FC236}">
                <a16:creationId xmlns:a16="http://schemas.microsoft.com/office/drawing/2014/main" id="{E0CC0964-109E-4724-9CBD-9C5E8E1259E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3" name="Freeform: Shape 32">
            <a:extLst>
              <a:ext uri="{FF2B5EF4-FFF2-40B4-BE49-F238E27FC236}">
                <a16:creationId xmlns:a16="http://schemas.microsoft.com/office/drawing/2014/main" id="{BAA75C3C-7293-4F05-A284-5A879C55898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4" name="Freeform: Shape 33">
            <a:extLst>
              <a:ext uri="{FF2B5EF4-FFF2-40B4-BE49-F238E27FC236}">
                <a16:creationId xmlns:a16="http://schemas.microsoft.com/office/drawing/2014/main" id="{32BC5C39-F12F-4182-BF69-2195D6B83D8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5" name="Freeform: Shape 34">
            <a:extLst>
              <a:ext uri="{FF2B5EF4-FFF2-40B4-BE49-F238E27FC236}">
                <a16:creationId xmlns:a16="http://schemas.microsoft.com/office/drawing/2014/main" id="{E586304D-0D32-4355-AFB8-EE1B95429126}"/>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6" name="Freeform: Shape 35">
            <a:extLst>
              <a:ext uri="{FF2B5EF4-FFF2-40B4-BE49-F238E27FC236}">
                <a16:creationId xmlns:a16="http://schemas.microsoft.com/office/drawing/2014/main" id="{E46081E0-F5F3-471B-BD58-FAE737F9B87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7" name="Freeform: Shape 36">
            <a:extLst>
              <a:ext uri="{FF2B5EF4-FFF2-40B4-BE49-F238E27FC236}">
                <a16:creationId xmlns:a16="http://schemas.microsoft.com/office/drawing/2014/main" id="{4977F8C8-F8D3-467D-ADC4-D72F1CD86B0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8" name="Freeform: Shape 37">
            <a:extLst>
              <a:ext uri="{FF2B5EF4-FFF2-40B4-BE49-F238E27FC236}">
                <a16:creationId xmlns:a16="http://schemas.microsoft.com/office/drawing/2014/main" id="{ADF03386-67A2-4DA1-933B-68ACD7DB726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grpSp>
        <p:nvGrpSpPr>
          <p:cNvPr id="412" name="Group 411">
            <a:extLst>
              <a:ext uri="{FF2B5EF4-FFF2-40B4-BE49-F238E27FC236}">
                <a16:creationId xmlns:a16="http://schemas.microsoft.com/office/drawing/2014/main" id="{3D9CA86E-0332-4452-B729-E54474C27F2F}"/>
              </a:ext>
            </a:extLst>
          </p:cNvPr>
          <p:cNvGrpSpPr/>
          <p:nvPr userDrawn="1"/>
        </p:nvGrpSpPr>
        <p:grpSpPr>
          <a:xfrm>
            <a:off x="57964" y="6040468"/>
            <a:ext cx="10054060" cy="505212"/>
            <a:chOff x="57964" y="6040468"/>
            <a:chExt cx="10054060" cy="505212"/>
          </a:xfrm>
        </p:grpSpPr>
        <p:sp>
          <p:nvSpPr>
            <p:cNvPr id="119" name="Freeform: Shape 118">
              <a:extLst>
                <a:ext uri="{FF2B5EF4-FFF2-40B4-BE49-F238E27FC236}">
                  <a16:creationId xmlns:a16="http://schemas.microsoft.com/office/drawing/2014/main" id="{FBB5A79E-A673-4083-B350-775A277F3F18}"/>
                </a:ext>
              </a:extLst>
            </p:cNvPr>
            <p:cNvSpPr/>
            <p:nvPr/>
          </p:nvSpPr>
          <p:spPr>
            <a:xfrm>
              <a:off x="918490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3" name="Freeform: Shape 122">
              <a:extLst>
                <a:ext uri="{FF2B5EF4-FFF2-40B4-BE49-F238E27FC236}">
                  <a16:creationId xmlns:a16="http://schemas.microsoft.com/office/drawing/2014/main" id="{7314F4B8-9563-47B9-BA13-E917B36F7A1D}"/>
                </a:ext>
              </a:extLst>
            </p:cNvPr>
            <p:cNvSpPr/>
            <p:nvPr/>
          </p:nvSpPr>
          <p:spPr>
            <a:xfrm>
              <a:off x="918490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4" name="Freeform: Shape 123">
              <a:extLst>
                <a:ext uri="{FF2B5EF4-FFF2-40B4-BE49-F238E27FC236}">
                  <a16:creationId xmlns:a16="http://schemas.microsoft.com/office/drawing/2014/main" id="{E303E408-62FC-4C15-B556-62611CA3E64F}"/>
                </a:ext>
              </a:extLst>
            </p:cNvPr>
            <p:cNvSpPr/>
            <p:nvPr/>
          </p:nvSpPr>
          <p:spPr>
            <a:xfrm>
              <a:off x="918490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6" name="Freeform: Shape 125">
              <a:extLst>
                <a:ext uri="{FF2B5EF4-FFF2-40B4-BE49-F238E27FC236}">
                  <a16:creationId xmlns:a16="http://schemas.microsoft.com/office/drawing/2014/main" id="{F3879587-7221-44C7-9379-58125B709819}"/>
                </a:ext>
              </a:extLst>
            </p:cNvPr>
            <p:cNvSpPr/>
            <p:nvPr/>
          </p:nvSpPr>
          <p:spPr>
            <a:xfrm>
              <a:off x="932750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0" name="Freeform: Shape 129">
              <a:extLst>
                <a:ext uri="{FF2B5EF4-FFF2-40B4-BE49-F238E27FC236}">
                  <a16:creationId xmlns:a16="http://schemas.microsoft.com/office/drawing/2014/main" id="{F7D54071-55C5-4718-8A4A-D4A6A7EA3948}"/>
                </a:ext>
              </a:extLst>
            </p:cNvPr>
            <p:cNvSpPr/>
            <p:nvPr/>
          </p:nvSpPr>
          <p:spPr>
            <a:xfrm>
              <a:off x="932750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1" name="Freeform: Shape 130">
              <a:extLst>
                <a:ext uri="{FF2B5EF4-FFF2-40B4-BE49-F238E27FC236}">
                  <a16:creationId xmlns:a16="http://schemas.microsoft.com/office/drawing/2014/main" id="{6A601018-DD2A-4B51-B908-A7626B4D1FD9}"/>
                </a:ext>
              </a:extLst>
            </p:cNvPr>
            <p:cNvSpPr/>
            <p:nvPr/>
          </p:nvSpPr>
          <p:spPr>
            <a:xfrm>
              <a:off x="932750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3" name="Freeform: Shape 132">
              <a:extLst>
                <a:ext uri="{FF2B5EF4-FFF2-40B4-BE49-F238E27FC236}">
                  <a16:creationId xmlns:a16="http://schemas.microsoft.com/office/drawing/2014/main" id="{5F36B160-117D-4E4E-BF02-6D207613022B}"/>
                </a:ext>
              </a:extLst>
            </p:cNvPr>
            <p:cNvSpPr/>
            <p:nvPr/>
          </p:nvSpPr>
          <p:spPr>
            <a:xfrm>
              <a:off x="9470176"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7" name="Freeform: Shape 136">
              <a:extLst>
                <a:ext uri="{FF2B5EF4-FFF2-40B4-BE49-F238E27FC236}">
                  <a16:creationId xmlns:a16="http://schemas.microsoft.com/office/drawing/2014/main" id="{C299758A-84AF-48E4-A6B3-8BDA303CFC4C}"/>
                </a:ext>
              </a:extLst>
            </p:cNvPr>
            <p:cNvSpPr/>
            <p:nvPr/>
          </p:nvSpPr>
          <p:spPr>
            <a:xfrm>
              <a:off x="9470176"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8" name="Freeform: Shape 137">
              <a:extLst>
                <a:ext uri="{FF2B5EF4-FFF2-40B4-BE49-F238E27FC236}">
                  <a16:creationId xmlns:a16="http://schemas.microsoft.com/office/drawing/2014/main" id="{D877352E-FCC3-43A9-854D-49E30B67A212}"/>
                </a:ext>
              </a:extLst>
            </p:cNvPr>
            <p:cNvSpPr/>
            <p:nvPr/>
          </p:nvSpPr>
          <p:spPr>
            <a:xfrm>
              <a:off x="9470176"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0" name="Freeform: Shape 139">
              <a:extLst>
                <a:ext uri="{FF2B5EF4-FFF2-40B4-BE49-F238E27FC236}">
                  <a16:creationId xmlns:a16="http://schemas.microsoft.com/office/drawing/2014/main" id="{E2ECC865-A0A2-475A-AFD1-E02D5FC45FB1}"/>
                </a:ext>
              </a:extLst>
            </p:cNvPr>
            <p:cNvSpPr/>
            <p:nvPr/>
          </p:nvSpPr>
          <p:spPr>
            <a:xfrm>
              <a:off x="961277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4" name="Freeform: Shape 143">
              <a:extLst>
                <a:ext uri="{FF2B5EF4-FFF2-40B4-BE49-F238E27FC236}">
                  <a16:creationId xmlns:a16="http://schemas.microsoft.com/office/drawing/2014/main" id="{ACADF418-FAA8-4F33-93E5-FB38F5F04370}"/>
                </a:ext>
              </a:extLst>
            </p:cNvPr>
            <p:cNvSpPr/>
            <p:nvPr/>
          </p:nvSpPr>
          <p:spPr>
            <a:xfrm>
              <a:off x="961277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5" name="Freeform: Shape 144">
              <a:extLst>
                <a:ext uri="{FF2B5EF4-FFF2-40B4-BE49-F238E27FC236}">
                  <a16:creationId xmlns:a16="http://schemas.microsoft.com/office/drawing/2014/main" id="{29E39FFB-F607-45FF-B525-9FBA42B84515}"/>
                </a:ext>
              </a:extLst>
            </p:cNvPr>
            <p:cNvSpPr/>
            <p:nvPr/>
          </p:nvSpPr>
          <p:spPr>
            <a:xfrm>
              <a:off x="961277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7" name="Freeform: Shape 146">
              <a:extLst>
                <a:ext uri="{FF2B5EF4-FFF2-40B4-BE49-F238E27FC236}">
                  <a16:creationId xmlns:a16="http://schemas.microsoft.com/office/drawing/2014/main" id="{FF37CDEA-044B-46DE-A9B3-C1BC4A74AEE5}"/>
                </a:ext>
              </a:extLst>
            </p:cNvPr>
            <p:cNvSpPr/>
            <p:nvPr/>
          </p:nvSpPr>
          <p:spPr>
            <a:xfrm>
              <a:off x="97554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1" name="Freeform: Shape 150">
              <a:extLst>
                <a:ext uri="{FF2B5EF4-FFF2-40B4-BE49-F238E27FC236}">
                  <a16:creationId xmlns:a16="http://schemas.microsoft.com/office/drawing/2014/main" id="{883BEC52-1805-43EB-850F-A4FC16FED475}"/>
                </a:ext>
              </a:extLst>
            </p:cNvPr>
            <p:cNvSpPr/>
            <p:nvPr/>
          </p:nvSpPr>
          <p:spPr>
            <a:xfrm>
              <a:off x="97554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2" name="Freeform: Shape 151">
              <a:extLst>
                <a:ext uri="{FF2B5EF4-FFF2-40B4-BE49-F238E27FC236}">
                  <a16:creationId xmlns:a16="http://schemas.microsoft.com/office/drawing/2014/main" id="{F44B94CB-22BD-4C04-B55A-3D7CD110B22E}"/>
                </a:ext>
              </a:extLst>
            </p:cNvPr>
            <p:cNvSpPr/>
            <p:nvPr/>
          </p:nvSpPr>
          <p:spPr>
            <a:xfrm>
              <a:off x="97554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4" name="Freeform: Shape 153">
              <a:extLst>
                <a:ext uri="{FF2B5EF4-FFF2-40B4-BE49-F238E27FC236}">
                  <a16:creationId xmlns:a16="http://schemas.microsoft.com/office/drawing/2014/main" id="{4F174AC2-9247-499D-ADB9-AA882FB75AF7}"/>
                </a:ext>
              </a:extLst>
            </p:cNvPr>
            <p:cNvSpPr/>
            <p:nvPr/>
          </p:nvSpPr>
          <p:spPr>
            <a:xfrm>
              <a:off x="9898122"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8" name="Freeform: Shape 157">
              <a:extLst>
                <a:ext uri="{FF2B5EF4-FFF2-40B4-BE49-F238E27FC236}">
                  <a16:creationId xmlns:a16="http://schemas.microsoft.com/office/drawing/2014/main" id="{4CDFCD77-B492-457F-A3E1-BEFA542C038D}"/>
                </a:ext>
              </a:extLst>
            </p:cNvPr>
            <p:cNvSpPr/>
            <p:nvPr/>
          </p:nvSpPr>
          <p:spPr>
            <a:xfrm>
              <a:off x="9898122"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2" name="Freeform: Shape 161">
              <a:extLst>
                <a:ext uri="{FF2B5EF4-FFF2-40B4-BE49-F238E27FC236}">
                  <a16:creationId xmlns:a16="http://schemas.microsoft.com/office/drawing/2014/main" id="{3E300686-D5D8-482A-8202-AF942FA89E8C}"/>
                </a:ext>
              </a:extLst>
            </p:cNvPr>
            <p:cNvSpPr/>
            <p:nvPr/>
          </p:nvSpPr>
          <p:spPr>
            <a:xfrm>
              <a:off x="100407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4" name="Freeform: Shape 163">
              <a:extLst>
                <a:ext uri="{FF2B5EF4-FFF2-40B4-BE49-F238E27FC236}">
                  <a16:creationId xmlns:a16="http://schemas.microsoft.com/office/drawing/2014/main" id="{791F1B89-92BD-4C9C-914F-87165F4229BB}"/>
                </a:ext>
              </a:extLst>
            </p:cNvPr>
            <p:cNvSpPr/>
            <p:nvPr/>
          </p:nvSpPr>
          <p:spPr>
            <a:xfrm>
              <a:off x="100407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9" name="Freeform: Shape 38">
              <a:extLst>
                <a:ext uri="{FF2B5EF4-FFF2-40B4-BE49-F238E27FC236}">
                  <a16:creationId xmlns:a16="http://schemas.microsoft.com/office/drawing/2014/main" id="{5D038036-E487-4CEC-B6CF-FBE40EEC150E}"/>
                </a:ext>
              </a:extLst>
            </p:cNvPr>
            <p:cNvSpPr/>
            <p:nvPr/>
          </p:nvSpPr>
          <p:spPr>
            <a:xfrm>
              <a:off x="50482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0" name="Freeform: Shape 39">
              <a:extLst>
                <a:ext uri="{FF2B5EF4-FFF2-40B4-BE49-F238E27FC236}">
                  <a16:creationId xmlns:a16="http://schemas.microsoft.com/office/drawing/2014/main" id="{61BEA055-6200-4675-94DA-4F96012054A3}"/>
                </a:ext>
              </a:extLst>
            </p:cNvPr>
            <p:cNvSpPr/>
            <p:nvPr/>
          </p:nvSpPr>
          <p:spPr>
            <a:xfrm>
              <a:off x="761578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1" name="Freeform: Shape 40">
              <a:extLst>
                <a:ext uri="{FF2B5EF4-FFF2-40B4-BE49-F238E27FC236}">
                  <a16:creationId xmlns:a16="http://schemas.microsoft.com/office/drawing/2014/main" id="{D879A564-9B06-4425-B6D0-989F39B8CCB4}"/>
                </a:ext>
              </a:extLst>
            </p:cNvPr>
            <p:cNvSpPr/>
            <p:nvPr/>
          </p:nvSpPr>
          <p:spPr>
            <a:xfrm>
              <a:off x="50482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2" name="Freeform: Shape 41">
              <a:extLst>
                <a:ext uri="{FF2B5EF4-FFF2-40B4-BE49-F238E27FC236}">
                  <a16:creationId xmlns:a16="http://schemas.microsoft.com/office/drawing/2014/main" id="{793DB27F-D22A-4598-8FA0-76A9F930DB4F}"/>
                </a:ext>
              </a:extLst>
            </p:cNvPr>
            <p:cNvSpPr/>
            <p:nvPr/>
          </p:nvSpPr>
          <p:spPr>
            <a:xfrm>
              <a:off x="50482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3" name="Freeform: Shape 42">
              <a:extLst>
                <a:ext uri="{FF2B5EF4-FFF2-40B4-BE49-F238E27FC236}">
                  <a16:creationId xmlns:a16="http://schemas.microsoft.com/office/drawing/2014/main" id="{3D639325-E72D-4983-84C4-A9583BCD7840}"/>
                </a:ext>
              </a:extLst>
            </p:cNvPr>
            <p:cNvSpPr/>
            <p:nvPr/>
          </p:nvSpPr>
          <p:spPr>
            <a:xfrm>
              <a:off x="504825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4" name="Freeform: Shape 43">
              <a:extLst>
                <a:ext uri="{FF2B5EF4-FFF2-40B4-BE49-F238E27FC236}">
                  <a16:creationId xmlns:a16="http://schemas.microsoft.com/office/drawing/2014/main" id="{9B602F2D-73AC-4148-805C-4104095B98F0}"/>
                </a:ext>
              </a:extLst>
            </p:cNvPr>
            <p:cNvSpPr/>
            <p:nvPr/>
          </p:nvSpPr>
          <p:spPr>
            <a:xfrm>
              <a:off x="761578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5" name="Freeform: Shape 44">
              <a:extLst>
                <a:ext uri="{FF2B5EF4-FFF2-40B4-BE49-F238E27FC236}">
                  <a16:creationId xmlns:a16="http://schemas.microsoft.com/office/drawing/2014/main" id="{93B0E366-3CAC-4067-AAE8-14089D978935}"/>
                </a:ext>
              </a:extLst>
            </p:cNvPr>
            <p:cNvSpPr/>
            <p:nvPr/>
          </p:nvSpPr>
          <p:spPr>
            <a:xfrm>
              <a:off x="761578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6" name="Freeform: Shape 45">
              <a:extLst>
                <a:ext uri="{FF2B5EF4-FFF2-40B4-BE49-F238E27FC236}">
                  <a16:creationId xmlns:a16="http://schemas.microsoft.com/office/drawing/2014/main" id="{928422A2-39FD-4302-BD2E-C41B8C5B6F43}"/>
                </a:ext>
              </a:extLst>
            </p:cNvPr>
            <p:cNvSpPr/>
            <p:nvPr/>
          </p:nvSpPr>
          <p:spPr>
            <a:xfrm>
              <a:off x="761578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7" name="Freeform: Shape 46">
              <a:extLst>
                <a:ext uri="{FF2B5EF4-FFF2-40B4-BE49-F238E27FC236}">
                  <a16:creationId xmlns:a16="http://schemas.microsoft.com/office/drawing/2014/main" id="{A5178749-DA3F-457C-B11C-3D8A66D558E2}"/>
                </a:ext>
              </a:extLst>
            </p:cNvPr>
            <p:cNvSpPr/>
            <p:nvPr/>
          </p:nvSpPr>
          <p:spPr>
            <a:xfrm>
              <a:off x="53335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8" name="Freeform: Shape 47">
              <a:extLst>
                <a:ext uri="{FF2B5EF4-FFF2-40B4-BE49-F238E27FC236}">
                  <a16:creationId xmlns:a16="http://schemas.microsoft.com/office/drawing/2014/main" id="{8CCF38D3-E377-4642-ACF2-A2941FB6D6C9}"/>
                </a:ext>
              </a:extLst>
            </p:cNvPr>
            <p:cNvSpPr/>
            <p:nvPr/>
          </p:nvSpPr>
          <p:spPr>
            <a:xfrm>
              <a:off x="790106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9" name="Freeform: Shape 48">
              <a:extLst>
                <a:ext uri="{FF2B5EF4-FFF2-40B4-BE49-F238E27FC236}">
                  <a16:creationId xmlns:a16="http://schemas.microsoft.com/office/drawing/2014/main" id="{49E03297-F590-47A8-9224-9DE9CD7BE3B7}"/>
                </a:ext>
              </a:extLst>
            </p:cNvPr>
            <p:cNvSpPr/>
            <p:nvPr/>
          </p:nvSpPr>
          <p:spPr>
            <a:xfrm>
              <a:off x="533352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0" name="Freeform: Shape 49">
              <a:extLst>
                <a:ext uri="{FF2B5EF4-FFF2-40B4-BE49-F238E27FC236}">
                  <a16:creationId xmlns:a16="http://schemas.microsoft.com/office/drawing/2014/main" id="{59765AFA-AA6D-47A9-A557-DF1383D5DFAC}"/>
                </a:ext>
              </a:extLst>
            </p:cNvPr>
            <p:cNvSpPr/>
            <p:nvPr/>
          </p:nvSpPr>
          <p:spPr>
            <a:xfrm>
              <a:off x="53335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1" name="Freeform: Shape 50">
              <a:extLst>
                <a:ext uri="{FF2B5EF4-FFF2-40B4-BE49-F238E27FC236}">
                  <a16:creationId xmlns:a16="http://schemas.microsoft.com/office/drawing/2014/main" id="{E04551E8-FBDA-42A5-B5F1-ACCD3F76AE95}"/>
                </a:ext>
              </a:extLst>
            </p:cNvPr>
            <p:cNvSpPr/>
            <p:nvPr/>
          </p:nvSpPr>
          <p:spPr>
            <a:xfrm>
              <a:off x="533352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2" name="Freeform: Shape 51">
              <a:extLst>
                <a:ext uri="{FF2B5EF4-FFF2-40B4-BE49-F238E27FC236}">
                  <a16:creationId xmlns:a16="http://schemas.microsoft.com/office/drawing/2014/main" id="{C568421F-7044-4A10-A1FE-923CBA6A707E}"/>
                </a:ext>
              </a:extLst>
            </p:cNvPr>
            <p:cNvSpPr/>
            <p:nvPr/>
          </p:nvSpPr>
          <p:spPr>
            <a:xfrm>
              <a:off x="790106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3" name="Freeform: Shape 52">
              <a:extLst>
                <a:ext uri="{FF2B5EF4-FFF2-40B4-BE49-F238E27FC236}">
                  <a16:creationId xmlns:a16="http://schemas.microsoft.com/office/drawing/2014/main" id="{C8BBBC79-DA74-48CA-9B28-0D6327686B9E}"/>
                </a:ext>
              </a:extLst>
            </p:cNvPr>
            <p:cNvSpPr/>
            <p:nvPr/>
          </p:nvSpPr>
          <p:spPr>
            <a:xfrm>
              <a:off x="790106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4" name="Freeform: Shape 53">
              <a:extLst>
                <a:ext uri="{FF2B5EF4-FFF2-40B4-BE49-F238E27FC236}">
                  <a16:creationId xmlns:a16="http://schemas.microsoft.com/office/drawing/2014/main" id="{98E55AC3-5E3D-4EB4-BDA2-EDAC7E18D945}"/>
                </a:ext>
              </a:extLst>
            </p:cNvPr>
            <p:cNvSpPr/>
            <p:nvPr/>
          </p:nvSpPr>
          <p:spPr>
            <a:xfrm>
              <a:off x="790106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5" name="Freeform: Shape 54">
              <a:extLst>
                <a:ext uri="{FF2B5EF4-FFF2-40B4-BE49-F238E27FC236}">
                  <a16:creationId xmlns:a16="http://schemas.microsoft.com/office/drawing/2014/main" id="{3315EEF4-E395-4F39-84F6-C28BAE920118}"/>
                </a:ext>
              </a:extLst>
            </p:cNvPr>
            <p:cNvSpPr/>
            <p:nvPr/>
          </p:nvSpPr>
          <p:spPr>
            <a:xfrm>
              <a:off x="54761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6" name="Freeform: Shape 55">
              <a:extLst>
                <a:ext uri="{FF2B5EF4-FFF2-40B4-BE49-F238E27FC236}">
                  <a16:creationId xmlns:a16="http://schemas.microsoft.com/office/drawing/2014/main" id="{731F4630-1F40-4203-9A22-5F05D897A7B1}"/>
                </a:ext>
              </a:extLst>
            </p:cNvPr>
            <p:cNvSpPr/>
            <p:nvPr/>
          </p:nvSpPr>
          <p:spPr>
            <a:xfrm>
              <a:off x="804373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7" name="Freeform: Shape 56">
              <a:extLst>
                <a:ext uri="{FF2B5EF4-FFF2-40B4-BE49-F238E27FC236}">
                  <a16:creationId xmlns:a16="http://schemas.microsoft.com/office/drawing/2014/main" id="{C0C56C64-7D81-4F10-BACF-1AFCA2F7FBD1}"/>
                </a:ext>
              </a:extLst>
            </p:cNvPr>
            <p:cNvSpPr/>
            <p:nvPr/>
          </p:nvSpPr>
          <p:spPr>
            <a:xfrm>
              <a:off x="54761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8" name="Freeform: Shape 57">
              <a:extLst>
                <a:ext uri="{FF2B5EF4-FFF2-40B4-BE49-F238E27FC236}">
                  <a16:creationId xmlns:a16="http://schemas.microsoft.com/office/drawing/2014/main" id="{FAA06042-8415-4B14-B81F-FD50C8700DAC}"/>
                </a:ext>
              </a:extLst>
            </p:cNvPr>
            <p:cNvSpPr/>
            <p:nvPr/>
          </p:nvSpPr>
          <p:spPr>
            <a:xfrm>
              <a:off x="54761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59" name="Freeform: Shape 58">
              <a:extLst>
                <a:ext uri="{FF2B5EF4-FFF2-40B4-BE49-F238E27FC236}">
                  <a16:creationId xmlns:a16="http://schemas.microsoft.com/office/drawing/2014/main" id="{7E195C8E-6A70-48CB-AA84-2688EFF2A034}"/>
                </a:ext>
              </a:extLst>
            </p:cNvPr>
            <p:cNvSpPr/>
            <p:nvPr/>
          </p:nvSpPr>
          <p:spPr>
            <a:xfrm>
              <a:off x="54761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0" name="Freeform: Shape 59">
              <a:extLst>
                <a:ext uri="{FF2B5EF4-FFF2-40B4-BE49-F238E27FC236}">
                  <a16:creationId xmlns:a16="http://schemas.microsoft.com/office/drawing/2014/main" id="{1BD0DEF4-0837-4D4A-98A6-594F4D6E380D}"/>
                </a:ext>
              </a:extLst>
            </p:cNvPr>
            <p:cNvSpPr/>
            <p:nvPr/>
          </p:nvSpPr>
          <p:spPr>
            <a:xfrm>
              <a:off x="804373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1" name="Freeform: Shape 60">
              <a:extLst>
                <a:ext uri="{FF2B5EF4-FFF2-40B4-BE49-F238E27FC236}">
                  <a16:creationId xmlns:a16="http://schemas.microsoft.com/office/drawing/2014/main" id="{486D3C23-3579-43BB-B707-2E0420EB5940}"/>
                </a:ext>
              </a:extLst>
            </p:cNvPr>
            <p:cNvSpPr/>
            <p:nvPr/>
          </p:nvSpPr>
          <p:spPr>
            <a:xfrm>
              <a:off x="804373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2" name="Freeform: Shape 61">
              <a:extLst>
                <a:ext uri="{FF2B5EF4-FFF2-40B4-BE49-F238E27FC236}">
                  <a16:creationId xmlns:a16="http://schemas.microsoft.com/office/drawing/2014/main" id="{4A299754-769E-4797-AB87-DB343571428B}"/>
                </a:ext>
              </a:extLst>
            </p:cNvPr>
            <p:cNvSpPr/>
            <p:nvPr/>
          </p:nvSpPr>
          <p:spPr>
            <a:xfrm>
              <a:off x="804373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3" name="Freeform: Shape 62">
              <a:extLst>
                <a:ext uri="{FF2B5EF4-FFF2-40B4-BE49-F238E27FC236}">
                  <a16:creationId xmlns:a16="http://schemas.microsoft.com/office/drawing/2014/main" id="{FA71463F-9F61-4C0C-80A6-F5309D183561}"/>
                </a:ext>
              </a:extLst>
            </p:cNvPr>
            <p:cNvSpPr/>
            <p:nvPr/>
          </p:nvSpPr>
          <p:spPr>
            <a:xfrm>
              <a:off x="561879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4" name="Freeform: Shape 63">
              <a:extLst>
                <a:ext uri="{FF2B5EF4-FFF2-40B4-BE49-F238E27FC236}">
                  <a16:creationId xmlns:a16="http://schemas.microsoft.com/office/drawing/2014/main" id="{5253B8DE-C202-46A5-BB84-BE2085B413DE}"/>
                </a:ext>
              </a:extLst>
            </p:cNvPr>
            <p:cNvSpPr/>
            <p:nvPr/>
          </p:nvSpPr>
          <p:spPr>
            <a:xfrm>
              <a:off x="818640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5" name="Freeform: Shape 64">
              <a:extLst>
                <a:ext uri="{FF2B5EF4-FFF2-40B4-BE49-F238E27FC236}">
                  <a16:creationId xmlns:a16="http://schemas.microsoft.com/office/drawing/2014/main" id="{2BF04809-F482-4FF4-A92F-4D3F088B9325}"/>
                </a:ext>
              </a:extLst>
            </p:cNvPr>
            <p:cNvSpPr/>
            <p:nvPr/>
          </p:nvSpPr>
          <p:spPr>
            <a:xfrm>
              <a:off x="561879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6" name="Freeform: Shape 65">
              <a:extLst>
                <a:ext uri="{FF2B5EF4-FFF2-40B4-BE49-F238E27FC236}">
                  <a16:creationId xmlns:a16="http://schemas.microsoft.com/office/drawing/2014/main" id="{0E2612AA-0DAA-4CE4-A4FC-2CD8E3675650}"/>
                </a:ext>
              </a:extLst>
            </p:cNvPr>
            <p:cNvSpPr/>
            <p:nvPr/>
          </p:nvSpPr>
          <p:spPr>
            <a:xfrm>
              <a:off x="561879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7" name="Freeform: Shape 66">
              <a:extLst>
                <a:ext uri="{FF2B5EF4-FFF2-40B4-BE49-F238E27FC236}">
                  <a16:creationId xmlns:a16="http://schemas.microsoft.com/office/drawing/2014/main" id="{14224439-8340-4ED6-81A7-18FFF744DABF}"/>
                </a:ext>
              </a:extLst>
            </p:cNvPr>
            <p:cNvSpPr/>
            <p:nvPr/>
          </p:nvSpPr>
          <p:spPr>
            <a:xfrm>
              <a:off x="561879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8" name="Freeform: Shape 67">
              <a:extLst>
                <a:ext uri="{FF2B5EF4-FFF2-40B4-BE49-F238E27FC236}">
                  <a16:creationId xmlns:a16="http://schemas.microsoft.com/office/drawing/2014/main" id="{5E85F2ED-72FE-45ED-AEC5-B32ED10C5DC2}"/>
                </a:ext>
              </a:extLst>
            </p:cNvPr>
            <p:cNvSpPr/>
            <p:nvPr/>
          </p:nvSpPr>
          <p:spPr>
            <a:xfrm>
              <a:off x="818640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69" name="Freeform: Shape 68">
              <a:extLst>
                <a:ext uri="{FF2B5EF4-FFF2-40B4-BE49-F238E27FC236}">
                  <a16:creationId xmlns:a16="http://schemas.microsoft.com/office/drawing/2014/main" id="{0C2D1743-32B6-419C-A5EE-D234880371A1}"/>
                </a:ext>
              </a:extLst>
            </p:cNvPr>
            <p:cNvSpPr/>
            <p:nvPr/>
          </p:nvSpPr>
          <p:spPr>
            <a:xfrm>
              <a:off x="818640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0" name="Freeform: Shape 69">
              <a:extLst>
                <a:ext uri="{FF2B5EF4-FFF2-40B4-BE49-F238E27FC236}">
                  <a16:creationId xmlns:a16="http://schemas.microsoft.com/office/drawing/2014/main" id="{19C38E51-0804-4A8C-83C4-7615E2F2EC9C}"/>
                </a:ext>
              </a:extLst>
            </p:cNvPr>
            <p:cNvSpPr/>
            <p:nvPr/>
          </p:nvSpPr>
          <p:spPr>
            <a:xfrm>
              <a:off x="818640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1" name="Freeform: Shape 70">
              <a:extLst>
                <a:ext uri="{FF2B5EF4-FFF2-40B4-BE49-F238E27FC236}">
                  <a16:creationId xmlns:a16="http://schemas.microsoft.com/office/drawing/2014/main" id="{D12965FA-0901-4D9B-B1B3-E79AC56A3641}"/>
                </a:ext>
              </a:extLst>
            </p:cNvPr>
            <p:cNvSpPr/>
            <p:nvPr/>
          </p:nvSpPr>
          <p:spPr>
            <a:xfrm>
              <a:off x="576147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2" name="Freeform: Shape 71">
              <a:extLst>
                <a:ext uri="{FF2B5EF4-FFF2-40B4-BE49-F238E27FC236}">
                  <a16:creationId xmlns:a16="http://schemas.microsoft.com/office/drawing/2014/main" id="{E8458EAA-C378-4BEF-A643-6923127E7B54}"/>
                </a:ext>
              </a:extLst>
            </p:cNvPr>
            <p:cNvSpPr/>
            <p:nvPr/>
          </p:nvSpPr>
          <p:spPr>
            <a:xfrm>
              <a:off x="832900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3" name="Freeform: Shape 72">
              <a:extLst>
                <a:ext uri="{FF2B5EF4-FFF2-40B4-BE49-F238E27FC236}">
                  <a16:creationId xmlns:a16="http://schemas.microsoft.com/office/drawing/2014/main" id="{F30BBCC6-DABB-4D52-A6C9-66388994E0A7}"/>
                </a:ext>
              </a:extLst>
            </p:cNvPr>
            <p:cNvSpPr/>
            <p:nvPr/>
          </p:nvSpPr>
          <p:spPr>
            <a:xfrm>
              <a:off x="576147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4" name="Freeform: Shape 73">
              <a:extLst>
                <a:ext uri="{FF2B5EF4-FFF2-40B4-BE49-F238E27FC236}">
                  <a16:creationId xmlns:a16="http://schemas.microsoft.com/office/drawing/2014/main" id="{522B12BD-017E-490A-88B8-A5118F05E384}"/>
                </a:ext>
              </a:extLst>
            </p:cNvPr>
            <p:cNvSpPr/>
            <p:nvPr/>
          </p:nvSpPr>
          <p:spPr>
            <a:xfrm>
              <a:off x="576147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5" name="Freeform: Shape 74">
              <a:extLst>
                <a:ext uri="{FF2B5EF4-FFF2-40B4-BE49-F238E27FC236}">
                  <a16:creationId xmlns:a16="http://schemas.microsoft.com/office/drawing/2014/main" id="{1B33745F-3DB7-4F47-88A8-21343291EA19}"/>
                </a:ext>
              </a:extLst>
            </p:cNvPr>
            <p:cNvSpPr/>
            <p:nvPr/>
          </p:nvSpPr>
          <p:spPr>
            <a:xfrm>
              <a:off x="576147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6" name="Freeform: Shape 75">
              <a:extLst>
                <a:ext uri="{FF2B5EF4-FFF2-40B4-BE49-F238E27FC236}">
                  <a16:creationId xmlns:a16="http://schemas.microsoft.com/office/drawing/2014/main" id="{E218D883-BFD1-4D9C-A0C3-2E85FE22E65F}"/>
                </a:ext>
              </a:extLst>
            </p:cNvPr>
            <p:cNvSpPr/>
            <p:nvPr/>
          </p:nvSpPr>
          <p:spPr>
            <a:xfrm>
              <a:off x="832900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7" name="Freeform: Shape 76">
              <a:extLst>
                <a:ext uri="{FF2B5EF4-FFF2-40B4-BE49-F238E27FC236}">
                  <a16:creationId xmlns:a16="http://schemas.microsoft.com/office/drawing/2014/main" id="{A3D2871E-F2F7-431F-B864-00084831F3B6}"/>
                </a:ext>
              </a:extLst>
            </p:cNvPr>
            <p:cNvSpPr/>
            <p:nvPr/>
          </p:nvSpPr>
          <p:spPr>
            <a:xfrm>
              <a:off x="832900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8" name="Freeform: Shape 77">
              <a:extLst>
                <a:ext uri="{FF2B5EF4-FFF2-40B4-BE49-F238E27FC236}">
                  <a16:creationId xmlns:a16="http://schemas.microsoft.com/office/drawing/2014/main" id="{09913F84-6815-4D23-9000-820F299CE932}"/>
                </a:ext>
              </a:extLst>
            </p:cNvPr>
            <p:cNvSpPr/>
            <p:nvPr/>
          </p:nvSpPr>
          <p:spPr>
            <a:xfrm>
              <a:off x="832900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79" name="Freeform: Shape 78">
              <a:extLst>
                <a:ext uri="{FF2B5EF4-FFF2-40B4-BE49-F238E27FC236}">
                  <a16:creationId xmlns:a16="http://schemas.microsoft.com/office/drawing/2014/main" id="{96C68A4B-2BD2-477F-A5FF-39486FC1A0B5}"/>
                </a:ext>
              </a:extLst>
            </p:cNvPr>
            <p:cNvSpPr/>
            <p:nvPr/>
          </p:nvSpPr>
          <p:spPr>
            <a:xfrm>
              <a:off x="5904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0" name="Freeform: Shape 79">
              <a:extLst>
                <a:ext uri="{FF2B5EF4-FFF2-40B4-BE49-F238E27FC236}">
                  <a16:creationId xmlns:a16="http://schemas.microsoft.com/office/drawing/2014/main" id="{E021036E-9FFC-4167-98DD-2E58A9E870A5}"/>
                </a:ext>
              </a:extLst>
            </p:cNvPr>
            <p:cNvSpPr/>
            <p:nvPr/>
          </p:nvSpPr>
          <p:spPr>
            <a:xfrm>
              <a:off x="847168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1" name="Freeform: Shape 80">
              <a:extLst>
                <a:ext uri="{FF2B5EF4-FFF2-40B4-BE49-F238E27FC236}">
                  <a16:creationId xmlns:a16="http://schemas.microsoft.com/office/drawing/2014/main" id="{DA72E3A2-A47B-4EA9-A86A-83FBABB8E592}"/>
                </a:ext>
              </a:extLst>
            </p:cNvPr>
            <p:cNvSpPr/>
            <p:nvPr/>
          </p:nvSpPr>
          <p:spPr>
            <a:xfrm>
              <a:off x="5904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2" name="Freeform: Shape 81">
              <a:extLst>
                <a:ext uri="{FF2B5EF4-FFF2-40B4-BE49-F238E27FC236}">
                  <a16:creationId xmlns:a16="http://schemas.microsoft.com/office/drawing/2014/main" id="{F91B2307-41FE-4C47-BF22-F074AF9AC3DC}"/>
                </a:ext>
              </a:extLst>
            </p:cNvPr>
            <p:cNvSpPr/>
            <p:nvPr/>
          </p:nvSpPr>
          <p:spPr>
            <a:xfrm>
              <a:off x="5904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3" name="Freeform: Shape 82">
              <a:extLst>
                <a:ext uri="{FF2B5EF4-FFF2-40B4-BE49-F238E27FC236}">
                  <a16:creationId xmlns:a16="http://schemas.microsoft.com/office/drawing/2014/main" id="{13378EB6-BA15-4CF1-B935-B2039EFDFFE8}"/>
                </a:ext>
              </a:extLst>
            </p:cNvPr>
            <p:cNvSpPr/>
            <p:nvPr/>
          </p:nvSpPr>
          <p:spPr>
            <a:xfrm>
              <a:off x="5904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4" name="Freeform: Shape 83">
              <a:extLst>
                <a:ext uri="{FF2B5EF4-FFF2-40B4-BE49-F238E27FC236}">
                  <a16:creationId xmlns:a16="http://schemas.microsoft.com/office/drawing/2014/main" id="{F0989A68-5462-47EB-88A6-13C68CDC5CEF}"/>
                </a:ext>
              </a:extLst>
            </p:cNvPr>
            <p:cNvSpPr/>
            <p:nvPr/>
          </p:nvSpPr>
          <p:spPr>
            <a:xfrm>
              <a:off x="847168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5" name="Freeform: Shape 84">
              <a:extLst>
                <a:ext uri="{FF2B5EF4-FFF2-40B4-BE49-F238E27FC236}">
                  <a16:creationId xmlns:a16="http://schemas.microsoft.com/office/drawing/2014/main" id="{D9648252-04C1-4420-B7F4-07D90BF0A632}"/>
                </a:ext>
              </a:extLst>
            </p:cNvPr>
            <p:cNvSpPr/>
            <p:nvPr/>
          </p:nvSpPr>
          <p:spPr>
            <a:xfrm>
              <a:off x="847168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6" name="Freeform: Shape 85">
              <a:extLst>
                <a:ext uri="{FF2B5EF4-FFF2-40B4-BE49-F238E27FC236}">
                  <a16:creationId xmlns:a16="http://schemas.microsoft.com/office/drawing/2014/main" id="{14AC37F7-89BD-4FAF-A5F2-62C1A580C02F}"/>
                </a:ext>
              </a:extLst>
            </p:cNvPr>
            <p:cNvSpPr/>
            <p:nvPr/>
          </p:nvSpPr>
          <p:spPr>
            <a:xfrm>
              <a:off x="604674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7" name="Freeform: Shape 86">
              <a:extLst>
                <a:ext uri="{FF2B5EF4-FFF2-40B4-BE49-F238E27FC236}">
                  <a16:creationId xmlns:a16="http://schemas.microsoft.com/office/drawing/2014/main" id="{3D481774-0D5F-4191-B7A3-BD1EFF21CD77}"/>
                </a:ext>
              </a:extLst>
            </p:cNvPr>
            <p:cNvSpPr/>
            <p:nvPr/>
          </p:nvSpPr>
          <p:spPr>
            <a:xfrm>
              <a:off x="861428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8" name="Freeform: Shape 87">
              <a:extLst>
                <a:ext uri="{FF2B5EF4-FFF2-40B4-BE49-F238E27FC236}">
                  <a16:creationId xmlns:a16="http://schemas.microsoft.com/office/drawing/2014/main" id="{9A5647BF-3899-449D-9C82-15C6FEE40713}"/>
                </a:ext>
              </a:extLst>
            </p:cNvPr>
            <p:cNvSpPr/>
            <p:nvPr/>
          </p:nvSpPr>
          <p:spPr>
            <a:xfrm>
              <a:off x="604674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89" name="Freeform: Shape 88">
              <a:extLst>
                <a:ext uri="{FF2B5EF4-FFF2-40B4-BE49-F238E27FC236}">
                  <a16:creationId xmlns:a16="http://schemas.microsoft.com/office/drawing/2014/main" id="{6EFA414C-5F21-48DB-80BA-47EDA24CC0EB}"/>
                </a:ext>
              </a:extLst>
            </p:cNvPr>
            <p:cNvSpPr/>
            <p:nvPr/>
          </p:nvSpPr>
          <p:spPr>
            <a:xfrm>
              <a:off x="604674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0" name="Freeform: Shape 89">
              <a:extLst>
                <a:ext uri="{FF2B5EF4-FFF2-40B4-BE49-F238E27FC236}">
                  <a16:creationId xmlns:a16="http://schemas.microsoft.com/office/drawing/2014/main" id="{13AD91C5-4441-4169-8C1A-5B112E1C0768}"/>
                </a:ext>
              </a:extLst>
            </p:cNvPr>
            <p:cNvSpPr/>
            <p:nvPr/>
          </p:nvSpPr>
          <p:spPr>
            <a:xfrm>
              <a:off x="604674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1" name="Freeform: Shape 90">
              <a:extLst>
                <a:ext uri="{FF2B5EF4-FFF2-40B4-BE49-F238E27FC236}">
                  <a16:creationId xmlns:a16="http://schemas.microsoft.com/office/drawing/2014/main" id="{8A66D5BD-D5C6-4B1D-A38C-060603FBBB92}"/>
                </a:ext>
              </a:extLst>
            </p:cNvPr>
            <p:cNvSpPr/>
            <p:nvPr/>
          </p:nvSpPr>
          <p:spPr>
            <a:xfrm>
              <a:off x="861428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2" name="Freeform: Shape 91">
              <a:extLst>
                <a:ext uri="{FF2B5EF4-FFF2-40B4-BE49-F238E27FC236}">
                  <a16:creationId xmlns:a16="http://schemas.microsoft.com/office/drawing/2014/main" id="{2EE92EA5-0729-449E-8DF6-E3FAF8B11FB2}"/>
                </a:ext>
              </a:extLst>
            </p:cNvPr>
            <p:cNvSpPr/>
            <p:nvPr/>
          </p:nvSpPr>
          <p:spPr>
            <a:xfrm>
              <a:off x="861428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3" name="Freeform: Shape 92">
              <a:extLst>
                <a:ext uri="{FF2B5EF4-FFF2-40B4-BE49-F238E27FC236}">
                  <a16:creationId xmlns:a16="http://schemas.microsoft.com/office/drawing/2014/main" id="{67F2A1B1-9913-4F10-AC5B-019D0ED5F9E1}"/>
                </a:ext>
              </a:extLst>
            </p:cNvPr>
            <p:cNvSpPr/>
            <p:nvPr/>
          </p:nvSpPr>
          <p:spPr>
            <a:xfrm>
              <a:off x="861428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4" name="Freeform: Shape 93">
              <a:extLst>
                <a:ext uri="{FF2B5EF4-FFF2-40B4-BE49-F238E27FC236}">
                  <a16:creationId xmlns:a16="http://schemas.microsoft.com/office/drawing/2014/main" id="{01965D0E-EF06-4233-BD91-47DEDE9E68AA}"/>
                </a:ext>
              </a:extLst>
            </p:cNvPr>
            <p:cNvSpPr/>
            <p:nvPr/>
          </p:nvSpPr>
          <p:spPr>
            <a:xfrm>
              <a:off x="618941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5" name="Freeform: Shape 94">
              <a:extLst>
                <a:ext uri="{FF2B5EF4-FFF2-40B4-BE49-F238E27FC236}">
                  <a16:creationId xmlns:a16="http://schemas.microsoft.com/office/drawing/2014/main" id="{204B2D3B-CC51-4BF3-97BD-F5D06E1DD6F2}"/>
                </a:ext>
              </a:extLst>
            </p:cNvPr>
            <p:cNvSpPr/>
            <p:nvPr/>
          </p:nvSpPr>
          <p:spPr>
            <a:xfrm>
              <a:off x="8756955"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6" name="Freeform: Shape 95">
              <a:extLst>
                <a:ext uri="{FF2B5EF4-FFF2-40B4-BE49-F238E27FC236}">
                  <a16:creationId xmlns:a16="http://schemas.microsoft.com/office/drawing/2014/main" id="{4992508A-829F-45F0-A89F-412A52699F19}"/>
                </a:ext>
              </a:extLst>
            </p:cNvPr>
            <p:cNvSpPr/>
            <p:nvPr/>
          </p:nvSpPr>
          <p:spPr>
            <a:xfrm>
              <a:off x="618941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7" name="Freeform: Shape 96">
              <a:extLst>
                <a:ext uri="{FF2B5EF4-FFF2-40B4-BE49-F238E27FC236}">
                  <a16:creationId xmlns:a16="http://schemas.microsoft.com/office/drawing/2014/main" id="{4C3C7150-757E-4A52-88DB-44D014725CEE}"/>
                </a:ext>
              </a:extLst>
            </p:cNvPr>
            <p:cNvSpPr/>
            <p:nvPr/>
          </p:nvSpPr>
          <p:spPr>
            <a:xfrm>
              <a:off x="618941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8" name="Freeform: Shape 97">
              <a:extLst>
                <a:ext uri="{FF2B5EF4-FFF2-40B4-BE49-F238E27FC236}">
                  <a16:creationId xmlns:a16="http://schemas.microsoft.com/office/drawing/2014/main" id="{17D51A27-830B-4EB4-B363-122134EA2B44}"/>
                </a:ext>
              </a:extLst>
            </p:cNvPr>
            <p:cNvSpPr/>
            <p:nvPr/>
          </p:nvSpPr>
          <p:spPr>
            <a:xfrm>
              <a:off x="618941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99" name="Freeform: Shape 98">
              <a:extLst>
                <a:ext uri="{FF2B5EF4-FFF2-40B4-BE49-F238E27FC236}">
                  <a16:creationId xmlns:a16="http://schemas.microsoft.com/office/drawing/2014/main" id="{F7405B1D-9AB5-46C6-B76A-B8737B0F2F74}"/>
                </a:ext>
              </a:extLst>
            </p:cNvPr>
            <p:cNvSpPr/>
            <p:nvPr/>
          </p:nvSpPr>
          <p:spPr>
            <a:xfrm>
              <a:off x="8756955"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0" name="Freeform: Shape 99">
              <a:extLst>
                <a:ext uri="{FF2B5EF4-FFF2-40B4-BE49-F238E27FC236}">
                  <a16:creationId xmlns:a16="http://schemas.microsoft.com/office/drawing/2014/main" id="{66ED331E-1980-4E68-952E-EC03CD650AA7}"/>
                </a:ext>
              </a:extLst>
            </p:cNvPr>
            <p:cNvSpPr/>
            <p:nvPr/>
          </p:nvSpPr>
          <p:spPr>
            <a:xfrm>
              <a:off x="8756955"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1" name="Freeform: Shape 100">
              <a:extLst>
                <a:ext uri="{FF2B5EF4-FFF2-40B4-BE49-F238E27FC236}">
                  <a16:creationId xmlns:a16="http://schemas.microsoft.com/office/drawing/2014/main" id="{D690871E-79D8-48EF-B72E-35C9851C3936}"/>
                </a:ext>
              </a:extLst>
            </p:cNvPr>
            <p:cNvSpPr/>
            <p:nvPr/>
          </p:nvSpPr>
          <p:spPr>
            <a:xfrm>
              <a:off x="8756955"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2" name="Freeform: Shape 101">
              <a:extLst>
                <a:ext uri="{FF2B5EF4-FFF2-40B4-BE49-F238E27FC236}">
                  <a16:creationId xmlns:a16="http://schemas.microsoft.com/office/drawing/2014/main" id="{409B7C7A-0ADE-47E1-929E-12F8A6B5C097}"/>
                </a:ext>
              </a:extLst>
            </p:cNvPr>
            <p:cNvSpPr/>
            <p:nvPr/>
          </p:nvSpPr>
          <p:spPr>
            <a:xfrm>
              <a:off x="633201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3" name="Freeform: Shape 102">
              <a:extLst>
                <a:ext uri="{FF2B5EF4-FFF2-40B4-BE49-F238E27FC236}">
                  <a16:creationId xmlns:a16="http://schemas.microsoft.com/office/drawing/2014/main" id="{029CDFCF-B8C6-4D9A-BEF6-3B8D94582F29}"/>
                </a:ext>
              </a:extLst>
            </p:cNvPr>
            <p:cNvSpPr/>
            <p:nvPr/>
          </p:nvSpPr>
          <p:spPr>
            <a:xfrm>
              <a:off x="88996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4" name="Freeform: Shape 103">
              <a:extLst>
                <a:ext uri="{FF2B5EF4-FFF2-40B4-BE49-F238E27FC236}">
                  <a16:creationId xmlns:a16="http://schemas.microsoft.com/office/drawing/2014/main" id="{18320B64-F66B-4A92-A2AF-82BC6C42CA53}"/>
                </a:ext>
              </a:extLst>
            </p:cNvPr>
            <p:cNvSpPr/>
            <p:nvPr/>
          </p:nvSpPr>
          <p:spPr>
            <a:xfrm>
              <a:off x="633201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5" name="Freeform: Shape 104">
              <a:extLst>
                <a:ext uri="{FF2B5EF4-FFF2-40B4-BE49-F238E27FC236}">
                  <a16:creationId xmlns:a16="http://schemas.microsoft.com/office/drawing/2014/main" id="{EB44A32B-BE01-464D-9198-575AFC6C2E2E}"/>
                </a:ext>
              </a:extLst>
            </p:cNvPr>
            <p:cNvSpPr/>
            <p:nvPr/>
          </p:nvSpPr>
          <p:spPr>
            <a:xfrm>
              <a:off x="633201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6" name="Freeform: Shape 105">
              <a:extLst>
                <a:ext uri="{FF2B5EF4-FFF2-40B4-BE49-F238E27FC236}">
                  <a16:creationId xmlns:a16="http://schemas.microsoft.com/office/drawing/2014/main" id="{7CA954BA-5A74-4AAD-ABC4-176729FDE046}"/>
                </a:ext>
              </a:extLst>
            </p:cNvPr>
            <p:cNvSpPr/>
            <p:nvPr/>
          </p:nvSpPr>
          <p:spPr>
            <a:xfrm>
              <a:off x="633201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7" name="Freeform: Shape 106">
              <a:extLst>
                <a:ext uri="{FF2B5EF4-FFF2-40B4-BE49-F238E27FC236}">
                  <a16:creationId xmlns:a16="http://schemas.microsoft.com/office/drawing/2014/main" id="{80BC3E72-0EBD-4623-BF24-42969768F22A}"/>
                </a:ext>
              </a:extLst>
            </p:cNvPr>
            <p:cNvSpPr/>
            <p:nvPr/>
          </p:nvSpPr>
          <p:spPr>
            <a:xfrm>
              <a:off x="88996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8" name="Freeform: Shape 107">
              <a:extLst>
                <a:ext uri="{FF2B5EF4-FFF2-40B4-BE49-F238E27FC236}">
                  <a16:creationId xmlns:a16="http://schemas.microsoft.com/office/drawing/2014/main" id="{819BD11E-FDBC-4B33-A524-D0308250361B}"/>
                </a:ext>
              </a:extLst>
            </p:cNvPr>
            <p:cNvSpPr/>
            <p:nvPr/>
          </p:nvSpPr>
          <p:spPr>
            <a:xfrm>
              <a:off x="88996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09" name="Freeform: Shape 108">
              <a:extLst>
                <a:ext uri="{FF2B5EF4-FFF2-40B4-BE49-F238E27FC236}">
                  <a16:creationId xmlns:a16="http://schemas.microsoft.com/office/drawing/2014/main" id="{6FA7C197-146A-4992-A9B5-4BACD232CCA4}"/>
                </a:ext>
              </a:extLst>
            </p:cNvPr>
            <p:cNvSpPr/>
            <p:nvPr/>
          </p:nvSpPr>
          <p:spPr>
            <a:xfrm>
              <a:off x="88996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0" name="Freeform: Shape 109">
              <a:extLst>
                <a:ext uri="{FF2B5EF4-FFF2-40B4-BE49-F238E27FC236}">
                  <a16:creationId xmlns:a16="http://schemas.microsoft.com/office/drawing/2014/main" id="{7568733B-6B2A-49EC-9F8B-6500197716A0}"/>
                </a:ext>
              </a:extLst>
            </p:cNvPr>
            <p:cNvSpPr/>
            <p:nvPr/>
          </p:nvSpPr>
          <p:spPr>
            <a:xfrm>
              <a:off x="647469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1" name="Freeform: Shape 110">
              <a:extLst>
                <a:ext uri="{FF2B5EF4-FFF2-40B4-BE49-F238E27FC236}">
                  <a16:creationId xmlns:a16="http://schemas.microsoft.com/office/drawing/2014/main" id="{50114FD4-DDEB-4322-94E0-363FCE0DD652}"/>
                </a:ext>
              </a:extLst>
            </p:cNvPr>
            <p:cNvSpPr/>
            <p:nvPr/>
          </p:nvSpPr>
          <p:spPr>
            <a:xfrm>
              <a:off x="904222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2" name="Freeform: Shape 111">
              <a:extLst>
                <a:ext uri="{FF2B5EF4-FFF2-40B4-BE49-F238E27FC236}">
                  <a16:creationId xmlns:a16="http://schemas.microsoft.com/office/drawing/2014/main" id="{EC226B35-606E-4D9D-AD59-0A9A80EEDE72}"/>
                </a:ext>
              </a:extLst>
            </p:cNvPr>
            <p:cNvSpPr/>
            <p:nvPr/>
          </p:nvSpPr>
          <p:spPr>
            <a:xfrm>
              <a:off x="647469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3" name="Freeform: Shape 112">
              <a:extLst>
                <a:ext uri="{FF2B5EF4-FFF2-40B4-BE49-F238E27FC236}">
                  <a16:creationId xmlns:a16="http://schemas.microsoft.com/office/drawing/2014/main" id="{168C6E95-C718-4DDD-9461-CF94683EAB81}"/>
                </a:ext>
              </a:extLst>
            </p:cNvPr>
            <p:cNvSpPr/>
            <p:nvPr/>
          </p:nvSpPr>
          <p:spPr>
            <a:xfrm>
              <a:off x="647469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4" name="Freeform: Shape 113">
              <a:extLst>
                <a:ext uri="{FF2B5EF4-FFF2-40B4-BE49-F238E27FC236}">
                  <a16:creationId xmlns:a16="http://schemas.microsoft.com/office/drawing/2014/main" id="{A25FE9C2-BC11-4B5C-9424-F7D614DD9314}"/>
                </a:ext>
              </a:extLst>
            </p:cNvPr>
            <p:cNvSpPr/>
            <p:nvPr/>
          </p:nvSpPr>
          <p:spPr>
            <a:xfrm>
              <a:off x="647469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5" name="Freeform: Shape 114">
              <a:extLst>
                <a:ext uri="{FF2B5EF4-FFF2-40B4-BE49-F238E27FC236}">
                  <a16:creationId xmlns:a16="http://schemas.microsoft.com/office/drawing/2014/main" id="{55A2A430-C4DB-4402-B886-3A3D68C1B0BC}"/>
                </a:ext>
              </a:extLst>
            </p:cNvPr>
            <p:cNvSpPr/>
            <p:nvPr/>
          </p:nvSpPr>
          <p:spPr>
            <a:xfrm>
              <a:off x="904222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6" name="Freeform: Shape 115">
              <a:extLst>
                <a:ext uri="{FF2B5EF4-FFF2-40B4-BE49-F238E27FC236}">
                  <a16:creationId xmlns:a16="http://schemas.microsoft.com/office/drawing/2014/main" id="{1536ED74-0F1B-43BF-A93F-BBD503130938}"/>
                </a:ext>
              </a:extLst>
            </p:cNvPr>
            <p:cNvSpPr/>
            <p:nvPr/>
          </p:nvSpPr>
          <p:spPr>
            <a:xfrm>
              <a:off x="904222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7" name="Freeform: Shape 116">
              <a:extLst>
                <a:ext uri="{FF2B5EF4-FFF2-40B4-BE49-F238E27FC236}">
                  <a16:creationId xmlns:a16="http://schemas.microsoft.com/office/drawing/2014/main" id="{141B1486-0EFC-43DD-973A-25FEC6B90AE5}"/>
                </a:ext>
              </a:extLst>
            </p:cNvPr>
            <p:cNvSpPr/>
            <p:nvPr/>
          </p:nvSpPr>
          <p:spPr>
            <a:xfrm>
              <a:off x="904222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18" name="Freeform: Shape 117">
              <a:extLst>
                <a:ext uri="{FF2B5EF4-FFF2-40B4-BE49-F238E27FC236}">
                  <a16:creationId xmlns:a16="http://schemas.microsoft.com/office/drawing/2014/main" id="{F644D102-3AE2-439C-B964-712E6339B6AF}"/>
                </a:ext>
              </a:extLst>
            </p:cNvPr>
            <p:cNvSpPr/>
            <p:nvPr/>
          </p:nvSpPr>
          <p:spPr>
            <a:xfrm>
              <a:off x="661729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0" name="Freeform: Shape 119">
              <a:extLst>
                <a:ext uri="{FF2B5EF4-FFF2-40B4-BE49-F238E27FC236}">
                  <a16:creationId xmlns:a16="http://schemas.microsoft.com/office/drawing/2014/main" id="{B682A1FB-563B-4068-8C4E-317A6DDCA9FE}"/>
                </a:ext>
              </a:extLst>
            </p:cNvPr>
            <p:cNvSpPr/>
            <p:nvPr/>
          </p:nvSpPr>
          <p:spPr>
            <a:xfrm>
              <a:off x="661729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1" name="Freeform: Shape 120">
              <a:extLst>
                <a:ext uri="{FF2B5EF4-FFF2-40B4-BE49-F238E27FC236}">
                  <a16:creationId xmlns:a16="http://schemas.microsoft.com/office/drawing/2014/main" id="{F789FFE1-C574-4F43-B786-715540751909}"/>
                </a:ext>
              </a:extLst>
            </p:cNvPr>
            <p:cNvSpPr/>
            <p:nvPr/>
          </p:nvSpPr>
          <p:spPr>
            <a:xfrm>
              <a:off x="661729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2" name="Freeform: Shape 121">
              <a:extLst>
                <a:ext uri="{FF2B5EF4-FFF2-40B4-BE49-F238E27FC236}">
                  <a16:creationId xmlns:a16="http://schemas.microsoft.com/office/drawing/2014/main" id="{7F9D7825-0D90-4799-883E-2E379F47A284}"/>
                </a:ext>
              </a:extLst>
            </p:cNvPr>
            <p:cNvSpPr/>
            <p:nvPr/>
          </p:nvSpPr>
          <p:spPr>
            <a:xfrm>
              <a:off x="661729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5" name="Freeform: Shape 124">
              <a:extLst>
                <a:ext uri="{FF2B5EF4-FFF2-40B4-BE49-F238E27FC236}">
                  <a16:creationId xmlns:a16="http://schemas.microsoft.com/office/drawing/2014/main" id="{40CF1F65-92BB-4DC7-8B42-D364E5567E80}"/>
                </a:ext>
              </a:extLst>
            </p:cNvPr>
            <p:cNvSpPr/>
            <p:nvPr/>
          </p:nvSpPr>
          <p:spPr>
            <a:xfrm>
              <a:off x="675996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7" name="Freeform: Shape 126">
              <a:extLst>
                <a:ext uri="{FF2B5EF4-FFF2-40B4-BE49-F238E27FC236}">
                  <a16:creationId xmlns:a16="http://schemas.microsoft.com/office/drawing/2014/main" id="{CA2D31C0-E4F3-4B4C-BE3D-A738094122DB}"/>
                </a:ext>
              </a:extLst>
            </p:cNvPr>
            <p:cNvSpPr/>
            <p:nvPr/>
          </p:nvSpPr>
          <p:spPr>
            <a:xfrm>
              <a:off x="675996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8" name="Freeform: Shape 127">
              <a:extLst>
                <a:ext uri="{FF2B5EF4-FFF2-40B4-BE49-F238E27FC236}">
                  <a16:creationId xmlns:a16="http://schemas.microsoft.com/office/drawing/2014/main" id="{9D7873BF-023B-4D8A-B777-915A520D44CC}"/>
                </a:ext>
              </a:extLst>
            </p:cNvPr>
            <p:cNvSpPr/>
            <p:nvPr/>
          </p:nvSpPr>
          <p:spPr>
            <a:xfrm>
              <a:off x="675996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29" name="Freeform: Shape 128">
              <a:extLst>
                <a:ext uri="{FF2B5EF4-FFF2-40B4-BE49-F238E27FC236}">
                  <a16:creationId xmlns:a16="http://schemas.microsoft.com/office/drawing/2014/main" id="{C6545918-1854-489F-8809-B9C11FD56D42}"/>
                </a:ext>
              </a:extLst>
            </p:cNvPr>
            <p:cNvSpPr/>
            <p:nvPr/>
          </p:nvSpPr>
          <p:spPr>
            <a:xfrm>
              <a:off x="675996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2" name="Freeform: Shape 131">
              <a:extLst>
                <a:ext uri="{FF2B5EF4-FFF2-40B4-BE49-F238E27FC236}">
                  <a16:creationId xmlns:a16="http://schemas.microsoft.com/office/drawing/2014/main" id="{E181D08F-12E8-4057-BB36-592919EA1A42}"/>
                </a:ext>
              </a:extLst>
            </p:cNvPr>
            <p:cNvSpPr/>
            <p:nvPr/>
          </p:nvSpPr>
          <p:spPr>
            <a:xfrm>
              <a:off x="69026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4" name="Freeform: Shape 133">
              <a:extLst>
                <a:ext uri="{FF2B5EF4-FFF2-40B4-BE49-F238E27FC236}">
                  <a16:creationId xmlns:a16="http://schemas.microsoft.com/office/drawing/2014/main" id="{6F8957C0-9CF9-4677-9BC6-1AFEC10BA967}"/>
                </a:ext>
              </a:extLst>
            </p:cNvPr>
            <p:cNvSpPr/>
            <p:nvPr/>
          </p:nvSpPr>
          <p:spPr>
            <a:xfrm>
              <a:off x="69026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5" name="Freeform: Shape 134">
              <a:extLst>
                <a:ext uri="{FF2B5EF4-FFF2-40B4-BE49-F238E27FC236}">
                  <a16:creationId xmlns:a16="http://schemas.microsoft.com/office/drawing/2014/main" id="{D77CCD97-54D5-4CFA-BECA-3B94E3D6C580}"/>
                </a:ext>
              </a:extLst>
            </p:cNvPr>
            <p:cNvSpPr/>
            <p:nvPr/>
          </p:nvSpPr>
          <p:spPr>
            <a:xfrm>
              <a:off x="69026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6" name="Freeform: Shape 135">
              <a:extLst>
                <a:ext uri="{FF2B5EF4-FFF2-40B4-BE49-F238E27FC236}">
                  <a16:creationId xmlns:a16="http://schemas.microsoft.com/office/drawing/2014/main" id="{69892961-F7DA-4A8E-88EC-75EF2D8742DE}"/>
                </a:ext>
              </a:extLst>
            </p:cNvPr>
            <p:cNvSpPr/>
            <p:nvPr/>
          </p:nvSpPr>
          <p:spPr>
            <a:xfrm>
              <a:off x="69026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39" name="Freeform: Shape 138">
              <a:extLst>
                <a:ext uri="{FF2B5EF4-FFF2-40B4-BE49-F238E27FC236}">
                  <a16:creationId xmlns:a16="http://schemas.microsoft.com/office/drawing/2014/main" id="{3DEAC609-9F20-4FB7-9E60-4CC3432DD910}"/>
                </a:ext>
              </a:extLst>
            </p:cNvPr>
            <p:cNvSpPr/>
            <p:nvPr/>
          </p:nvSpPr>
          <p:spPr>
            <a:xfrm>
              <a:off x="704523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1" name="Freeform: Shape 140">
              <a:extLst>
                <a:ext uri="{FF2B5EF4-FFF2-40B4-BE49-F238E27FC236}">
                  <a16:creationId xmlns:a16="http://schemas.microsoft.com/office/drawing/2014/main" id="{56DA692B-07C5-4BD3-A982-43A6D40AC57F}"/>
                </a:ext>
              </a:extLst>
            </p:cNvPr>
            <p:cNvSpPr/>
            <p:nvPr/>
          </p:nvSpPr>
          <p:spPr>
            <a:xfrm>
              <a:off x="704523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2" name="Freeform: Shape 141">
              <a:extLst>
                <a:ext uri="{FF2B5EF4-FFF2-40B4-BE49-F238E27FC236}">
                  <a16:creationId xmlns:a16="http://schemas.microsoft.com/office/drawing/2014/main" id="{03813CE0-38A3-4FA7-8ADC-144C641590EE}"/>
                </a:ext>
              </a:extLst>
            </p:cNvPr>
            <p:cNvSpPr/>
            <p:nvPr/>
          </p:nvSpPr>
          <p:spPr>
            <a:xfrm>
              <a:off x="704523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3" name="Freeform: Shape 142">
              <a:extLst>
                <a:ext uri="{FF2B5EF4-FFF2-40B4-BE49-F238E27FC236}">
                  <a16:creationId xmlns:a16="http://schemas.microsoft.com/office/drawing/2014/main" id="{60850E53-10F6-4DB0-9D09-DC3110F0BC88}"/>
                </a:ext>
              </a:extLst>
            </p:cNvPr>
            <p:cNvSpPr/>
            <p:nvPr/>
          </p:nvSpPr>
          <p:spPr>
            <a:xfrm>
              <a:off x="704523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6" name="Freeform: Shape 145">
              <a:extLst>
                <a:ext uri="{FF2B5EF4-FFF2-40B4-BE49-F238E27FC236}">
                  <a16:creationId xmlns:a16="http://schemas.microsoft.com/office/drawing/2014/main" id="{60448AE2-1B27-42E4-A721-E7CF5DFA4A02}"/>
                </a:ext>
              </a:extLst>
            </p:cNvPr>
            <p:cNvSpPr/>
            <p:nvPr/>
          </p:nvSpPr>
          <p:spPr>
            <a:xfrm>
              <a:off x="718791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8" name="Freeform: Shape 147">
              <a:extLst>
                <a:ext uri="{FF2B5EF4-FFF2-40B4-BE49-F238E27FC236}">
                  <a16:creationId xmlns:a16="http://schemas.microsoft.com/office/drawing/2014/main" id="{AD260E54-03AF-43F7-8654-17E91FFB690A}"/>
                </a:ext>
              </a:extLst>
            </p:cNvPr>
            <p:cNvSpPr/>
            <p:nvPr/>
          </p:nvSpPr>
          <p:spPr>
            <a:xfrm>
              <a:off x="718791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49" name="Freeform: Shape 148">
              <a:extLst>
                <a:ext uri="{FF2B5EF4-FFF2-40B4-BE49-F238E27FC236}">
                  <a16:creationId xmlns:a16="http://schemas.microsoft.com/office/drawing/2014/main" id="{224BDFD1-CF74-4891-8495-3C4EDB231B0F}"/>
                </a:ext>
              </a:extLst>
            </p:cNvPr>
            <p:cNvSpPr/>
            <p:nvPr/>
          </p:nvSpPr>
          <p:spPr>
            <a:xfrm>
              <a:off x="718791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0" name="Freeform: Shape 149">
              <a:extLst>
                <a:ext uri="{FF2B5EF4-FFF2-40B4-BE49-F238E27FC236}">
                  <a16:creationId xmlns:a16="http://schemas.microsoft.com/office/drawing/2014/main" id="{399F4E14-13C7-4ECB-9CD2-B17A39EC5E61}"/>
                </a:ext>
              </a:extLst>
            </p:cNvPr>
            <p:cNvSpPr/>
            <p:nvPr/>
          </p:nvSpPr>
          <p:spPr>
            <a:xfrm>
              <a:off x="718791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3" name="Freeform: Shape 152">
              <a:extLst>
                <a:ext uri="{FF2B5EF4-FFF2-40B4-BE49-F238E27FC236}">
                  <a16:creationId xmlns:a16="http://schemas.microsoft.com/office/drawing/2014/main" id="{564D470B-0D02-4450-93F5-7F3718242359}"/>
                </a:ext>
              </a:extLst>
            </p:cNvPr>
            <p:cNvSpPr/>
            <p:nvPr/>
          </p:nvSpPr>
          <p:spPr>
            <a:xfrm>
              <a:off x="733051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5" name="Freeform: Shape 154">
              <a:extLst>
                <a:ext uri="{FF2B5EF4-FFF2-40B4-BE49-F238E27FC236}">
                  <a16:creationId xmlns:a16="http://schemas.microsoft.com/office/drawing/2014/main" id="{E54C9EA1-4629-4440-9337-62BA6FAEA35F}"/>
                </a:ext>
              </a:extLst>
            </p:cNvPr>
            <p:cNvSpPr/>
            <p:nvPr/>
          </p:nvSpPr>
          <p:spPr>
            <a:xfrm>
              <a:off x="733051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6" name="Freeform: Shape 155">
              <a:extLst>
                <a:ext uri="{FF2B5EF4-FFF2-40B4-BE49-F238E27FC236}">
                  <a16:creationId xmlns:a16="http://schemas.microsoft.com/office/drawing/2014/main" id="{5B3C4547-C7C2-445D-8D05-DFB6B8E731B2}"/>
                </a:ext>
              </a:extLst>
            </p:cNvPr>
            <p:cNvSpPr/>
            <p:nvPr/>
          </p:nvSpPr>
          <p:spPr>
            <a:xfrm>
              <a:off x="733051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7" name="Freeform: Shape 156">
              <a:extLst>
                <a:ext uri="{FF2B5EF4-FFF2-40B4-BE49-F238E27FC236}">
                  <a16:creationId xmlns:a16="http://schemas.microsoft.com/office/drawing/2014/main" id="{2B2048C7-EEC1-4836-A1EE-36AADE0D5E92}"/>
                </a:ext>
              </a:extLst>
            </p:cNvPr>
            <p:cNvSpPr/>
            <p:nvPr/>
          </p:nvSpPr>
          <p:spPr>
            <a:xfrm>
              <a:off x="733051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59" name="Freeform: Shape 158">
              <a:extLst>
                <a:ext uri="{FF2B5EF4-FFF2-40B4-BE49-F238E27FC236}">
                  <a16:creationId xmlns:a16="http://schemas.microsoft.com/office/drawing/2014/main" id="{B4CCC221-E405-4F66-84C7-6766087A8945}"/>
                </a:ext>
              </a:extLst>
            </p:cNvPr>
            <p:cNvSpPr/>
            <p:nvPr/>
          </p:nvSpPr>
          <p:spPr>
            <a:xfrm>
              <a:off x="747318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0" name="Freeform: Shape 159">
              <a:extLst>
                <a:ext uri="{FF2B5EF4-FFF2-40B4-BE49-F238E27FC236}">
                  <a16:creationId xmlns:a16="http://schemas.microsoft.com/office/drawing/2014/main" id="{5E085AFA-C42C-42DE-A97C-DB7EE6280930}"/>
                </a:ext>
              </a:extLst>
            </p:cNvPr>
            <p:cNvSpPr/>
            <p:nvPr/>
          </p:nvSpPr>
          <p:spPr>
            <a:xfrm>
              <a:off x="747318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1" name="Freeform: Shape 160">
              <a:extLst>
                <a:ext uri="{FF2B5EF4-FFF2-40B4-BE49-F238E27FC236}">
                  <a16:creationId xmlns:a16="http://schemas.microsoft.com/office/drawing/2014/main" id="{DFEDEE10-2293-47A4-ACD1-5A55775E22A7}"/>
                </a:ext>
              </a:extLst>
            </p:cNvPr>
            <p:cNvSpPr/>
            <p:nvPr/>
          </p:nvSpPr>
          <p:spPr>
            <a:xfrm>
              <a:off x="747318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3" name="Freeform: Shape 162">
              <a:extLst>
                <a:ext uri="{FF2B5EF4-FFF2-40B4-BE49-F238E27FC236}">
                  <a16:creationId xmlns:a16="http://schemas.microsoft.com/office/drawing/2014/main" id="{281A9412-7308-4554-806A-8516049ED4D0}"/>
                </a:ext>
              </a:extLst>
            </p:cNvPr>
            <p:cNvSpPr/>
            <p:nvPr/>
          </p:nvSpPr>
          <p:spPr>
            <a:xfrm>
              <a:off x="747318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5" name="Freeform: Shape 164">
              <a:extLst>
                <a:ext uri="{FF2B5EF4-FFF2-40B4-BE49-F238E27FC236}">
                  <a16:creationId xmlns:a16="http://schemas.microsoft.com/office/drawing/2014/main" id="{2A46649D-F7DD-4A80-8486-09666B1825E0}"/>
                </a:ext>
              </a:extLst>
            </p:cNvPr>
            <p:cNvSpPr/>
            <p:nvPr/>
          </p:nvSpPr>
          <p:spPr>
            <a:xfrm>
              <a:off x="519092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6" name="Freeform: Shape 165">
              <a:extLst>
                <a:ext uri="{FF2B5EF4-FFF2-40B4-BE49-F238E27FC236}">
                  <a16:creationId xmlns:a16="http://schemas.microsoft.com/office/drawing/2014/main" id="{B74D90BE-A637-4D89-9E81-5B0795B0F988}"/>
                </a:ext>
              </a:extLst>
            </p:cNvPr>
            <p:cNvSpPr/>
            <p:nvPr/>
          </p:nvSpPr>
          <p:spPr>
            <a:xfrm>
              <a:off x="775846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7" name="Freeform: Shape 166">
              <a:extLst>
                <a:ext uri="{FF2B5EF4-FFF2-40B4-BE49-F238E27FC236}">
                  <a16:creationId xmlns:a16="http://schemas.microsoft.com/office/drawing/2014/main" id="{EC27017A-3D86-4720-9A53-BC540AD930E7}"/>
                </a:ext>
              </a:extLst>
            </p:cNvPr>
            <p:cNvSpPr/>
            <p:nvPr/>
          </p:nvSpPr>
          <p:spPr>
            <a:xfrm>
              <a:off x="519092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8" name="Freeform: Shape 167">
              <a:extLst>
                <a:ext uri="{FF2B5EF4-FFF2-40B4-BE49-F238E27FC236}">
                  <a16:creationId xmlns:a16="http://schemas.microsoft.com/office/drawing/2014/main" id="{B6D90DC9-8E6F-4DD4-8D61-36AD37DAFE8E}"/>
                </a:ext>
              </a:extLst>
            </p:cNvPr>
            <p:cNvSpPr/>
            <p:nvPr/>
          </p:nvSpPr>
          <p:spPr>
            <a:xfrm>
              <a:off x="519092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69" name="Freeform: Shape 168">
              <a:extLst>
                <a:ext uri="{FF2B5EF4-FFF2-40B4-BE49-F238E27FC236}">
                  <a16:creationId xmlns:a16="http://schemas.microsoft.com/office/drawing/2014/main" id="{2AC80D00-5483-4C82-91AB-ECDFE7C7303E}"/>
                </a:ext>
              </a:extLst>
            </p:cNvPr>
            <p:cNvSpPr/>
            <p:nvPr/>
          </p:nvSpPr>
          <p:spPr>
            <a:xfrm>
              <a:off x="519092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0" name="Freeform: Shape 169">
              <a:extLst>
                <a:ext uri="{FF2B5EF4-FFF2-40B4-BE49-F238E27FC236}">
                  <a16:creationId xmlns:a16="http://schemas.microsoft.com/office/drawing/2014/main" id="{2E26EE2E-0611-4DBB-818A-3916D387BF07}"/>
                </a:ext>
              </a:extLst>
            </p:cNvPr>
            <p:cNvSpPr/>
            <p:nvPr/>
          </p:nvSpPr>
          <p:spPr>
            <a:xfrm>
              <a:off x="775846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1" name="Freeform: Shape 170">
              <a:extLst>
                <a:ext uri="{FF2B5EF4-FFF2-40B4-BE49-F238E27FC236}">
                  <a16:creationId xmlns:a16="http://schemas.microsoft.com/office/drawing/2014/main" id="{386B813A-D417-4A75-8E18-62FBDA47F967}"/>
                </a:ext>
              </a:extLst>
            </p:cNvPr>
            <p:cNvSpPr/>
            <p:nvPr/>
          </p:nvSpPr>
          <p:spPr>
            <a:xfrm>
              <a:off x="775846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2" name="Freeform: Shape 171">
              <a:extLst>
                <a:ext uri="{FF2B5EF4-FFF2-40B4-BE49-F238E27FC236}">
                  <a16:creationId xmlns:a16="http://schemas.microsoft.com/office/drawing/2014/main" id="{FB84132A-EAFE-4177-BB63-802E0207C2DE}"/>
                </a:ext>
              </a:extLst>
            </p:cNvPr>
            <p:cNvSpPr/>
            <p:nvPr/>
          </p:nvSpPr>
          <p:spPr>
            <a:xfrm>
              <a:off x="775846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3" name="Freeform: Shape 172">
              <a:extLst>
                <a:ext uri="{FF2B5EF4-FFF2-40B4-BE49-F238E27FC236}">
                  <a16:creationId xmlns:a16="http://schemas.microsoft.com/office/drawing/2014/main" id="{79B375A7-BA32-48E1-9F63-D9980AAC6BAB}"/>
                </a:ext>
              </a:extLst>
            </p:cNvPr>
            <p:cNvSpPr/>
            <p:nvPr/>
          </p:nvSpPr>
          <p:spPr>
            <a:xfrm>
              <a:off x="847168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6" name="Freeform: Shape 175">
              <a:extLst>
                <a:ext uri="{FF2B5EF4-FFF2-40B4-BE49-F238E27FC236}">
                  <a16:creationId xmlns:a16="http://schemas.microsoft.com/office/drawing/2014/main" id="{8DDAA581-5F2B-44B0-9C48-B49D93D35330}"/>
                </a:ext>
              </a:extLst>
            </p:cNvPr>
            <p:cNvSpPr/>
            <p:nvPr/>
          </p:nvSpPr>
          <p:spPr>
            <a:xfrm>
              <a:off x="91268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7" name="Freeform: Shape 176">
              <a:extLst>
                <a:ext uri="{FF2B5EF4-FFF2-40B4-BE49-F238E27FC236}">
                  <a16:creationId xmlns:a16="http://schemas.microsoft.com/office/drawing/2014/main" id="{41D85240-4229-42B5-A320-06AA6EAEFC3C}"/>
                </a:ext>
              </a:extLst>
            </p:cNvPr>
            <p:cNvSpPr/>
            <p:nvPr/>
          </p:nvSpPr>
          <p:spPr>
            <a:xfrm>
              <a:off x="348022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8" name="Freeform: Shape 177">
              <a:extLst>
                <a:ext uri="{FF2B5EF4-FFF2-40B4-BE49-F238E27FC236}">
                  <a16:creationId xmlns:a16="http://schemas.microsoft.com/office/drawing/2014/main" id="{8ABCEE14-083F-4545-AC2D-06AF377F1489}"/>
                </a:ext>
              </a:extLst>
            </p:cNvPr>
            <p:cNvSpPr/>
            <p:nvPr/>
          </p:nvSpPr>
          <p:spPr>
            <a:xfrm>
              <a:off x="91268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79" name="Freeform: Shape 178">
              <a:extLst>
                <a:ext uri="{FF2B5EF4-FFF2-40B4-BE49-F238E27FC236}">
                  <a16:creationId xmlns:a16="http://schemas.microsoft.com/office/drawing/2014/main" id="{BEE17395-7B92-4084-8801-AC508607386F}"/>
                </a:ext>
              </a:extLst>
            </p:cNvPr>
            <p:cNvSpPr/>
            <p:nvPr/>
          </p:nvSpPr>
          <p:spPr>
            <a:xfrm>
              <a:off x="91268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0" name="Freeform: Shape 179">
              <a:extLst>
                <a:ext uri="{FF2B5EF4-FFF2-40B4-BE49-F238E27FC236}">
                  <a16:creationId xmlns:a16="http://schemas.microsoft.com/office/drawing/2014/main" id="{7AFC5A98-6D09-401E-B154-F653FD0B4834}"/>
                </a:ext>
              </a:extLst>
            </p:cNvPr>
            <p:cNvSpPr/>
            <p:nvPr/>
          </p:nvSpPr>
          <p:spPr>
            <a:xfrm>
              <a:off x="91268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1" name="Freeform: Shape 180">
              <a:extLst>
                <a:ext uri="{FF2B5EF4-FFF2-40B4-BE49-F238E27FC236}">
                  <a16:creationId xmlns:a16="http://schemas.microsoft.com/office/drawing/2014/main" id="{D9EB2C48-BBC9-4020-A304-6D16E6860CC2}"/>
                </a:ext>
              </a:extLst>
            </p:cNvPr>
            <p:cNvSpPr/>
            <p:nvPr/>
          </p:nvSpPr>
          <p:spPr>
            <a:xfrm>
              <a:off x="348022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2" name="Freeform: Shape 181">
              <a:extLst>
                <a:ext uri="{FF2B5EF4-FFF2-40B4-BE49-F238E27FC236}">
                  <a16:creationId xmlns:a16="http://schemas.microsoft.com/office/drawing/2014/main" id="{12D8DF70-D0D5-4EB9-BCD1-57A7AB76DE91}"/>
                </a:ext>
              </a:extLst>
            </p:cNvPr>
            <p:cNvSpPr/>
            <p:nvPr/>
          </p:nvSpPr>
          <p:spPr>
            <a:xfrm>
              <a:off x="348022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3" name="Freeform: Shape 182">
              <a:extLst>
                <a:ext uri="{FF2B5EF4-FFF2-40B4-BE49-F238E27FC236}">
                  <a16:creationId xmlns:a16="http://schemas.microsoft.com/office/drawing/2014/main" id="{A9A45E78-3606-4A82-8CF2-7E519D791CA5}"/>
                </a:ext>
              </a:extLst>
            </p:cNvPr>
            <p:cNvSpPr/>
            <p:nvPr/>
          </p:nvSpPr>
          <p:spPr>
            <a:xfrm>
              <a:off x="348022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4" name="Freeform: Shape 183">
              <a:extLst>
                <a:ext uri="{FF2B5EF4-FFF2-40B4-BE49-F238E27FC236}">
                  <a16:creationId xmlns:a16="http://schemas.microsoft.com/office/drawing/2014/main" id="{08E33485-B216-4580-A474-732A9B5B8B08}"/>
                </a:ext>
              </a:extLst>
            </p:cNvPr>
            <p:cNvSpPr/>
            <p:nvPr/>
          </p:nvSpPr>
          <p:spPr>
            <a:xfrm>
              <a:off x="119795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5" name="Freeform: Shape 184">
              <a:extLst>
                <a:ext uri="{FF2B5EF4-FFF2-40B4-BE49-F238E27FC236}">
                  <a16:creationId xmlns:a16="http://schemas.microsoft.com/office/drawing/2014/main" id="{E044FEF0-5FE2-472F-90BE-140703CC5A79}"/>
                </a:ext>
              </a:extLst>
            </p:cNvPr>
            <p:cNvSpPr/>
            <p:nvPr/>
          </p:nvSpPr>
          <p:spPr>
            <a:xfrm>
              <a:off x="37654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6" name="Freeform: Shape 185">
              <a:extLst>
                <a:ext uri="{FF2B5EF4-FFF2-40B4-BE49-F238E27FC236}">
                  <a16:creationId xmlns:a16="http://schemas.microsoft.com/office/drawing/2014/main" id="{CB530E1B-95F4-47E2-B456-1C5F993DD6E6}"/>
                </a:ext>
              </a:extLst>
            </p:cNvPr>
            <p:cNvSpPr/>
            <p:nvPr/>
          </p:nvSpPr>
          <p:spPr>
            <a:xfrm>
              <a:off x="119795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7" name="Freeform: Shape 186">
              <a:extLst>
                <a:ext uri="{FF2B5EF4-FFF2-40B4-BE49-F238E27FC236}">
                  <a16:creationId xmlns:a16="http://schemas.microsoft.com/office/drawing/2014/main" id="{332CEB12-25BC-4C0E-B020-F8286DDC86E7}"/>
                </a:ext>
              </a:extLst>
            </p:cNvPr>
            <p:cNvSpPr/>
            <p:nvPr/>
          </p:nvSpPr>
          <p:spPr>
            <a:xfrm>
              <a:off x="119795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8" name="Freeform: Shape 187">
              <a:extLst>
                <a:ext uri="{FF2B5EF4-FFF2-40B4-BE49-F238E27FC236}">
                  <a16:creationId xmlns:a16="http://schemas.microsoft.com/office/drawing/2014/main" id="{D100A337-2788-4468-A4CB-C48B02ECA26B}"/>
                </a:ext>
              </a:extLst>
            </p:cNvPr>
            <p:cNvSpPr/>
            <p:nvPr/>
          </p:nvSpPr>
          <p:spPr>
            <a:xfrm>
              <a:off x="119795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89" name="Freeform: Shape 188">
              <a:extLst>
                <a:ext uri="{FF2B5EF4-FFF2-40B4-BE49-F238E27FC236}">
                  <a16:creationId xmlns:a16="http://schemas.microsoft.com/office/drawing/2014/main" id="{5D359A40-ECB9-42D2-8347-1AE4759A1131}"/>
                </a:ext>
              </a:extLst>
            </p:cNvPr>
            <p:cNvSpPr/>
            <p:nvPr/>
          </p:nvSpPr>
          <p:spPr>
            <a:xfrm>
              <a:off x="37654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0" name="Freeform: Shape 189">
              <a:extLst>
                <a:ext uri="{FF2B5EF4-FFF2-40B4-BE49-F238E27FC236}">
                  <a16:creationId xmlns:a16="http://schemas.microsoft.com/office/drawing/2014/main" id="{C507620F-90A0-45AF-95DA-0AC2C4C36324}"/>
                </a:ext>
              </a:extLst>
            </p:cNvPr>
            <p:cNvSpPr/>
            <p:nvPr/>
          </p:nvSpPr>
          <p:spPr>
            <a:xfrm>
              <a:off x="37654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1" name="Freeform: Shape 190">
              <a:extLst>
                <a:ext uri="{FF2B5EF4-FFF2-40B4-BE49-F238E27FC236}">
                  <a16:creationId xmlns:a16="http://schemas.microsoft.com/office/drawing/2014/main" id="{E045B831-EBF6-4E86-B5A5-CDCED052A98A}"/>
                </a:ext>
              </a:extLst>
            </p:cNvPr>
            <p:cNvSpPr/>
            <p:nvPr/>
          </p:nvSpPr>
          <p:spPr>
            <a:xfrm>
              <a:off x="37654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2" name="Freeform: Shape 191">
              <a:extLst>
                <a:ext uri="{FF2B5EF4-FFF2-40B4-BE49-F238E27FC236}">
                  <a16:creationId xmlns:a16="http://schemas.microsoft.com/office/drawing/2014/main" id="{E1090618-E569-41C4-B7A6-90A295FDAE92}"/>
                </a:ext>
              </a:extLst>
            </p:cNvPr>
            <p:cNvSpPr/>
            <p:nvPr/>
          </p:nvSpPr>
          <p:spPr>
            <a:xfrm>
              <a:off x="134063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3" name="Freeform: Shape 192">
              <a:extLst>
                <a:ext uri="{FF2B5EF4-FFF2-40B4-BE49-F238E27FC236}">
                  <a16:creationId xmlns:a16="http://schemas.microsoft.com/office/drawing/2014/main" id="{0986E01C-F815-494A-9FD5-FFFE230152B2}"/>
                </a:ext>
              </a:extLst>
            </p:cNvPr>
            <p:cNvSpPr/>
            <p:nvPr/>
          </p:nvSpPr>
          <p:spPr>
            <a:xfrm>
              <a:off x="390816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4" name="Freeform: Shape 193">
              <a:extLst>
                <a:ext uri="{FF2B5EF4-FFF2-40B4-BE49-F238E27FC236}">
                  <a16:creationId xmlns:a16="http://schemas.microsoft.com/office/drawing/2014/main" id="{0F7779C9-78FB-41A0-BA97-CD149A951EBA}"/>
                </a:ext>
              </a:extLst>
            </p:cNvPr>
            <p:cNvSpPr/>
            <p:nvPr/>
          </p:nvSpPr>
          <p:spPr>
            <a:xfrm>
              <a:off x="134063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5" name="Freeform: Shape 194">
              <a:extLst>
                <a:ext uri="{FF2B5EF4-FFF2-40B4-BE49-F238E27FC236}">
                  <a16:creationId xmlns:a16="http://schemas.microsoft.com/office/drawing/2014/main" id="{5D525B1E-BB43-434F-8BAF-8FFFEE2002A9}"/>
                </a:ext>
              </a:extLst>
            </p:cNvPr>
            <p:cNvSpPr/>
            <p:nvPr/>
          </p:nvSpPr>
          <p:spPr>
            <a:xfrm>
              <a:off x="134063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6" name="Freeform: Shape 195">
              <a:extLst>
                <a:ext uri="{FF2B5EF4-FFF2-40B4-BE49-F238E27FC236}">
                  <a16:creationId xmlns:a16="http://schemas.microsoft.com/office/drawing/2014/main" id="{4C8D080C-B0EB-4D53-BCF5-5B59756B60E9}"/>
                </a:ext>
              </a:extLst>
            </p:cNvPr>
            <p:cNvSpPr/>
            <p:nvPr/>
          </p:nvSpPr>
          <p:spPr>
            <a:xfrm>
              <a:off x="134063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7" name="Freeform: Shape 196">
              <a:extLst>
                <a:ext uri="{FF2B5EF4-FFF2-40B4-BE49-F238E27FC236}">
                  <a16:creationId xmlns:a16="http://schemas.microsoft.com/office/drawing/2014/main" id="{3E8C703A-C963-4DE5-80D7-2480BE6D9DCF}"/>
                </a:ext>
              </a:extLst>
            </p:cNvPr>
            <p:cNvSpPr/>
            <p:nvPr/>
          </p:nvSpPr>
          <p:spPr>
            <a:xfrm>
              <a:off x="390816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8" name="Freeform: Shape 197">
              <a:extLst>
                <a:ext uri="{FF2B5EF4-FFF2-40B4-BE49-F238E27FC236}">
                  <a16:creationId xmlns:a16="http://schemas.microsoft.com/office/drawing/2014/main" id="{F85374E7-4BFC-497B-BAF3-5FB2C8FB976F}"/>
                </a:ext>
              </a:extLst>
            </p:cNvPr>
            <p:cNvSpPr/>
            <p:nvPr/>
          </p:nvSpPr>
          <p:spPr>
            <a:xfrm>
              <a:off x="390816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199" name="Freeform: Shape 198">
              <a:extLst>
                <a:ext uri="{FF2B5EF4-FFF2-40B4-BE49-F238E27FC236}">
                  <a16:creationId xmlns:a16="http://schemas.microsoft.com/office/drawing/2014/main" id="{85C7409A-DF96-4E83-96D4-E13B4CC62303}"/>
                </a:ext>
              </a:extLst>
            </p:cNvPr>
            <p:cNvSpPr/>
            <p:nvPr/>
          </p:nvSpPr>
          <p:spPr>
            <a:xfrm>
              <a:off x="390816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0" name="Freeform: Shape 199">
              <a:extLst>
                <a:ext uri="{FF2B5EF4-FFF2-40B4-BE49-F238E27FC236}">
                  <a16:creationId xmlns:a16="http://schemas.microsoft.com/office/drawing/2014/main" id="{D94855D2-7980-4F80-BF67-4AF5955B326A}"/>
                </a:ext>
              </a:extLst>
            </p:cNvPr>
            <p:cNvSpPr/>
            <p:nvPr/>
          </p:nvSpPr>
          <p:spPr>
            <a:xfrm>
              <a:off x="148323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1" name="Freeform: Shape 200">
              <a:extLst>
                <a:ext uri="{FF2B5EF4-FFF2-40B4-BE49-F238E27FC236}">
                  <a16:creationId xmlns:a16="http://schemas.microsoft.com/office/drawing/2014/main" id="{77EB28C9-61A9-4F5F-97D0-50814C7FB5A8}"/>
                </a:ext>
              </a:extLst>
            </p:cNvPr>
            <p:cNvSpPr/>
            <p:nvPr/>
          </p:nvSpPr>
          <p:spPr>
            <a:xfrm>
              <a:off x="405084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2" name="Freeform: Shape 201">
              <a:extLst>
                <a:ext uri="{FF2B5EF4-FFF2-40B4-BE49-F238E27FC236}">
                  <a16:creationId xmlns:a16="http://schemas.microsoft.com/office/drawing/2014/main" id="{C19F90A1-2FB3-47BE-92AB-341E2039B275}"/>
                </a:ext>
              </a:extLst>
            </p:cNvPr>
            <p:cNvSpPr/>
            <p:nvPr/>
          </p:nvSpPr>
          <p:spPr>
            <a:xfrm>
              <a:off x="148323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3" name="Freeform: Shape 202">
              <a:extLst>
                <a:ext uri="{FF2B5EF4-FFF2-40B4-BE49-F238E27FC236}">
                  <a16:creationId xmlns:a16="http://schemas.microsoft.com/office/drawing/2014/main" id="{C2F318FE-DA25-41E2-B1A6-098519F1F4B4}"/>
                </a:ext>
              </a:extLst>
            </p:cNvPr>
            <p:cNvSpPr/>
            <p:nvPr/>
          </p:nvSpPr>
          <p:spPr>
            <a:xfrm>
              <a:off x="148323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4" name="Freeform: Shape 203">
              <a:extLst>
                <a:ext uri="{FF2B5EF4-FFF2-40B4-BE49-F238E27FC236}">
                  <a16:creationId xmlns:a16="http://schemas.microsoft.com/office/drawing/2014/main" id="{FF2B064C-CF42-410D-B7CB-DA53F18B9B4D}"/>
                </a:ext>
              </a:extLst>
            </p:cNvPr>
            <p:cNvSpPr/>
            <p:nvPr/>
          </p:nvSpPr>
          <p:spPr>
            <a:xfrm>
              <a:off x="148323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5" name="Freeform: Shape 204">
              <a:extLst>
                <a:ext uri="{FF2B5EF4-FFF2-40B4-BE49-F238E27FC236}">
                  <a16:creationId xmlns:a16="http://schemas.microsoft.com/office/drawing/2014/main" id="{AF37A684-4EC0-4ACE-B7FC-586CB74578E0}"/>
                </a:ext>
              </a:extLst>
            </p:cNvPr>
            <p:cNvSpPr/>
            <p:nvPr/>
          </p:nvSpPr>
          <p:spPr>
            <a:xfrm>
              <a:off x="405084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6" name="Freeform: Shape 205">
              <a:extLst>
                <a:ext uri="{FF2B5EF4-FFF2-40B4-BE49-F238E27FC236}">
                  <a16:creationId xmlns:a16="http://schemas.microsoft.com/office/drawing/2014/main" id="{BB6F0CA8-474E-45E1-8174-38D396A0E007}"/>
                </a:ext>
              </a:extLst>
            </p:cNvPr>
            <p:cNvSpPr/>
            <p:nvPr/>
          </p:nvSpPr>
          <p:spPr>
            <a:xfrm>
              <a:off x="405084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7" name="Freeform: Shape 206">
              <a:extLst>
                <a:ext uri="{FF2B5EF4-FFF2-40B4-BE49-F238E27FC236}">
                  <a16:creationId xmlns:a16="http://schemas.microsoft.com/office/drawing/2014/main" id="{D5D510BC-CDA0-4672-A7BB-8D0FB1CCFCC0}"/>
                </a:ext>
              </a:extLst>
            </p:cNvPr>
            <p:cNvSpPr/>
            <p:nvPr/>
          </p:nvSpPr>
          <p:spPr>
            <a:xfrm>
              <a:off x="405084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8" name="Freeform: Shape 207">
              <a:extLst>
                <a:ext uri="{FF2B5EF4-FFF2-40B4-BE49-F238E27FC236}">
                  <a16:creationId xmlns:a16="http://schemas.microsoft.com/office/drawing/2014/main" id="{48B50B64-752F-4048-B2FF-4896DCDD7489}"/>
                </a:ext>
              </a:extLst>
            </p:cNvPr>
            <p:cNvSpPr/>
            <p:nvPr/>
          </p:nvSpPr>
          <p:spPr>
            <a:xfrm>
              <a:off x="162590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09" name="Freeform: Shape 208">
              <a:extLst>
                <a:ext uri="{FF2B5EF4-FFF2-40B4-BE49-F238E27FC236}">
                  <a16:creationId xmlns:a16="http://schemas.microsoft.com/office/drawing/2014/main" id="{FB1304C6-3833-4A73-B313-608D54120530}"/>
                </a:ext>
              </a:extLst>
            </p:cNvPr>
            <p:cNvSpPr/>
            <p:nvPr/>
          </p:nvSpPr>
          <p:spPr>
            <a:xfrm>
              <a:off x="419344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0" name="Freeform: Shape 209">
              <a:extLst>
                <a:ext uri="{FF2B5EF4-FFF2-40B4-BE49-F238E27FC236}">
                  <a16:creationId xmlns:a16="http://schemas.microsoft.com/office/drawing/2014/main" id="{76C13183-3FDF-4D16-85A1-DCE8B63450EA}"/>
                </a:ext>
              </a:extLst>
            </p:cNvPr>
            <p:cNvSpPr/>
            <p:nvPr/>
          </p:nvSpPr>
          <p:spPr>
            <a:xfrm>
              <a:off x="162590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1" name="Freeform: Shape 210">
              <a:extLst>
                <a:ext uri="{FF2B5EF4-FFF2-40B4-BE49-F238E27FC236}">
                  <a16:creationId xmlns:a16="http://schemas.microsoft.com/office/drawing/2014/main" id="{70028DCF-6DBD-40E9-B717-AD47CE8EB5A2}"/>
                </a:ext>
              </a:extLst>
            </p:cNvPr>
            <p:cNvSpPr/>
            <p:nvPr/>
          </p:nvSpPr>
          <p:spPr>
            <a:xfrm>
              <a:off x="162590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2" name="Freeform: Shape 211">
              <a:extLst>
                <a:ext uri="{FF2B5EF4-FFF2-40B4-BE49-F238E27FC236}">
                  <a16:creationId xmlns:a16="http://schemas.microsoft.com/office/drawing/2014/main" id="{E7B06EC1-8237-4871-B530-22FC5EBB2F14}"/>
                </a:ext>
              </a:extLst>
            </p:cNvPr>
            <p:cNvSpPr/>
            <p:nvPr/>
          </p:nvSpPr>
          <p:spPr>
            <a:xfrm>
              <a:off x="162590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3" name="Freeform: Shape 212">
              <a:extLst>
                <a:ext uri="{FF2B5EF4-FFF2-40B4-BE49-F238E27FC236}">
                  <a16:creationId xmlns:a16="http://schemas.microsoft.com/office/drawing/2014/main" id="{506D6A60-9F53-4A90-9DA5-B8B5EA9BC15F}"/>
                </a:ext>
              </a:extLst>
            </p:cNvPr>
            <p:cNvSpPr/>
            <p:nvPr/>
          </p:nvSpPr>
          <p:spPr>
            <a:xfrm>
              <a:off x="419344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4" name="Freeform: Shape 213">
              <a:extLst>
                <a:ext uri="{FF2B5EF4-FFF2-40B4-BE49-F238E27FC236}">
                  <a16:creationId xmlns:a16="http://schemas.microsoft.com/office/drawing/2014/main" id="{C63A4013-275C-4D0E-8DC0-B97DA90B2263}"/>
                </a:ext>
              </a:extLst>
            </p:cNvPr>
            <p:cNvSpPr/>
            <p:nvPr/>
          </p:nvSpPr>
          <p:spPr>
            <a:xfrm>
              <a:off x="419344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5" name="Freeform: Shape 214">
              <a:extLst>
                <a:ext uri="{FF2B5EF4-FFF2-40B4-BE49-F238E27FC236}">
                  <a16:creationId xmlns:a16="http://schemas.microsoft.com/office/drawing/2014/main" id="{FD4D115C-773C-418D-8AB2-FAD35ADA6CDE}"/>
                </a:ext>
              </a:extLst>
            </p:cNvPr>
            <p:cNvSpPr/>
            <p:nvPr/>
          </p:nvSpPr>
          <p:spPr>
            <a:xfrm>
              <a:off x="419344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6" name="Freeform: Shape 215">
              <a:extLst>
                <a:ext uri="{FF2B5EF4-FFF2-40B4-BE49-F238E27FC236}">
                  <a16:creationId xmlns:a16="http://schemas.microsoft.com/office/drawing/2014/main" id="{B00366CE-D6B7-4CC8-A2F1-2F3D518AB0B0}"/>
                </a:ext>
              </a:extLst>
            </p:cNvPr>
            <p:cNvSpPr/>
            <p:nvPr/>
          </p:nvSpPr>
          <p:spPr>
            <a:xfrm>
              <a:off x="176850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7" name="Freeform: Shape 216">
              <a:extLst>
                <a:ext uri="{FF2B5EF4-FFF2-40B4-BE49-F238E27FC236}">
                  <a16:creationId xmlns:a16="http://schemas.microsoft.com/office/drawing/2014/main" id="{A373578C-D879-4DAA-9A91-8B2C9D54B7F3}"/>
                </a:ext>
              </a:extLst>
            </p:cNvPr>
            <p:cNvSpPr/>
            <p:nvPr/>
          </p:nvSpPr>
          <p:spPr>
            <a:xfrm>
              <a:off x="433611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8" name="Freeform: Shape 217">
              <a:extLst>
                <a:ext uri="{FF2B5EF4-FFF2-40B4-BE49-F238E27FC236}">
                  <a16:creationId xmlns:a16="http://schemas.microsoft.com/office/drawing/2014/main" id="{396F2279-FD1B-4338-B160-D7599D0FCE1B}"/>
                </a:ext>
              </a:extLst>
            </p:cNvPr>
            <p:cNvSpPr/>
            <p:nvPr/>
          </p:nvSpPr>
          <p:spPr>
            <a:xfrm>
              <a:off x="176850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19" name="Freeform: Shape 218">
              <a:extLst>
                <a:ext uri="{FF2B5EF4-FFF2-40B4-BE49-F238E27FC236}">
                  <a16:creationId xmlns:a16="http://schemas.microsoft.com/office/drawing/2014/main" id="{31151DF7-BBDC-44D1-9BBD-243AD157DAAB}"/>
                </a:ext>
              </a:extLst>
            </p:cNvPr>
            <p:cNvSpPr/>
            <p:nvPr/>
          </p:nvSpPr>
          <p:spPr>
            <a:xfrm>
              <a:off x="176850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0" name="Freeform: Shape 219">
              <a:extLst>
                <a:ext uri="{FF2B5EF4-FFF2-40B4-BE49-F238E27FC236}">
                  <a16:creationId xmlns:a16="http://schemas.microsoft.com/office/drawing/2014/main" id="{F3D9C2BD-BDE7-4169-8B26-D7E77E63C3C9}"/>
                </a:ext>
              </a:extLst>
            </p:cNvPr>
            <p:cNvSpPr/>
            <p:nvPr/>
          </p:nvSpPr>
          <p:spPr>
            <a:xfrm>
              <a:off x="176850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1" name="Freeform: Shape 220">
              <a:extLst>
                <a:ext uri="{FF2B5EF4-FFF2-40B4-BE49-F238E27FC236}">
                  <a16:creationId xmlns:a16="http://schemas.microsoft.com/office/drawing/2014/main" id="{66422BC7-3128-427B-8C35-9D9684265CA7}"/>
                </a:ext>
              </a:extLst>
            </p:cNvPr>
            <p:cNvSpPr/>
            <p:nvPr/>
          </p:nvSpPr>
          <p:spPr>
            <a:xfrm>
              <a:off x="433611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2" name="Freeform: Shape 221">
              <a:extLst>
                <a:ext uri="{FF2B5EF4-FFF2-40B4-BE49-F238E27FC236}">
                  <a16:creationId xmlns:a16="http://schemas.microsoft.com/office/drawing/2014/main" id="{B5DE83A4-409C-4BF1-9ACF-AB2F77CC5EE2}"/>
                </a:ext>
              </a:extLst>
            </p:cNvPr>
            <p:cNvSpPr/>
            <p:nvPr/>
          </p:nvSpPr>
          <p:spPr>
            <a:xfrm>
              <a:off x="433611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3" name="Freeform: Shape 222">
              <a:extLst>
                <a:ext uri="{FF2B5EF4-FFF2-40B4-BE49-F238E27FC236}">
                  <a16:creationId xmlns:a16="http://schemas.microsoft.com/office/drawing/2014/main" id="{BC2BE6A5-83D6-4705-8A3C-CAB2AC930816}"/>
                </a:ext>
              </a:extLst>
            </p:cNvPr>
            <p:cNvSpPr/>
            <p:nvPr/>
          </p:nvSpPr>
          <p:spPr>
            <a:xfrm>
              <a:off x="191117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4" name="Freeform: Shape 223">
              <a:extLst>
                <a:ext uri="{FF2B5EF4-FFF2-40B4-BE49-F238E27FC236}">
                  <a16:creationId xmlns:a16="http://schemas.microsoft.com/office/drawing/2014/main" id="{9F6093C0-397C-4894-BCDF-6ADFE679C7F3}"/>
                </a:ext>
              </a:extLst>
            </p:cNvPr>
            <p:cNvSpPr/>
            <p:nvPr/>
          </p:nvSpPr>
          <p:spPr>
            <a:xfrm>
              <a:off x="447871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5" name="Freeform: Shape 224">
              <a:extLst>
                <a:ext uri="{FF2B5EF4-FFF2-40B4-BE49-F238E27FC236}">
                  <a16:creationId xmlns:a16="http://schemas.microsoft.com/office/drawing/2014/main" id="{B20BEBF9-4229-4798-B905-42B977C0BB32}"/>
                </a:ext>
              </a:extLst>
            </p:cNvPr>
            <p:cNvSpPr/>
            <p:nvPr/>
          </p:nvSpPr>
          <p:spPr>
            <a:xfrm>
              <a:off x="191117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6" name="Freeform: Shape 225">
              <a:extLst>
                <a:ext uri="{FF2B5EF4-FFF2-40B4-BE49-F238E27FC236}">
                  <a16:creationId xmlns:a16="http://schemas.microsoft.com/office/drawing/2014/main" id="{F124D6B5-7088-47E0-9593-CB762DA70EA3}"/>
                </a:ext>
              </a:extLst>
            </p:cNvPr>
            <p:cNvSpPr/>
            <p:nvPr/>
          </p:nvSpPr>
          <p:spPr>
            <a:xfrm>
              <a:off x="191117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7" name="Freeform: Shape 226">
              <a:extLst>
                <a:ext uri="{FF2B5EF4-FFF2-40B4-BE49-F238E27FC236}">
                  <a16:creationId xmlns:a16="http://schemas.microsoft.com/office/drawing/2014/main" id="{A9C0289D-0603-458F-B4DA-B00EC6DC386F}"/>
                </a:ext>
              </a:extLst>
            </p:cNvPr>
            <p:cNvSpPr/>
            <p:nvPr/>
          </p:nvSpPr>
          <p:spPr>
            <a:xfrm>
              <a:off x="191117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8" name="Freeform: Shape 227">
              <a:extLst>
                <a:ext uri="{FF2B5EF4-FFF2-40B4-BE49-F238E27FC236}">
                  <a16:creationId xmlns:a16="http://schemas.microsoft.com/office/drawing/2014/main" id="{A0604DAB-694D-4492-91AC-E6ED758EE2B6}"/>
                </a:ext>
              </a:extLst>
            </p:cNvPr>
            <p:cNvSpPr/>
            <p:nvPr/>
          </p:nvSpPr>
          <p:spPr>
            <a:xfrm>
              <a:off x="447871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29" name="Freeform: Shape 228">
              <a:extLst>
                <a:ext uri="{FF2B5EF4-FFF2-40B4-BE49-F238E27FC236}">
                  <a16:creationId xmlns:a16="http://schemas.microsoft.com/office/drawing/2014/main" id="{B16A077F-AAE5-43F4-AA14-063007C3ABE2}"/>
                </a:ext>
              </a:extLst>
            </p:cNvPr>
            <p:cNvSpPr/>
            <p:nvPr/>
          </p:nvSpPr>
          <p:spPr>
            <a:xfrm>
              <a:off x="447871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0" name="Freeform: Shape 229">
              <a:extLst>
                <a:ext uri="{FF2B5EF4-FFF2-40B4-BE49-F238E27FC236}">
                  <a16:creationId xmlns:a16="http://schemas.microsoft.com/office/drawing/2014/main" id="{F2FBF56D-8731-47C3-8315-003A9B487594}"/>
                </a:ext>
              </a:extLst>
            </p:cNvPr>
            <p:cNvSpPr/>
            <p:nvPr/>
          </p:nvSpPr>
          <p:spPr>
            <a:xfrm>
              <a:off x="447871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1" name="Freeform: Shape 230">
              <a:extLst>
                <a:ext uri="{FF2B5EF4-FFF2-40B4-BE49-F238E27FC236}">
                  <a16:creationId xmlns:a16="http://schemas.microsoft.com/office/drawing/2014/main" id="{2BE94DDC-2CE8-49C7-AE79-4D0E6806329B}"/>
                </a:ext>
              </a:extLst>
            </p:cNvPr>
            <p:cNvSpPr/>
            <p:nvPr/>
          </p:nvSpPr>
          <p:spPr>
            <a:xfrm>
              <a:off x="205385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2" name="Freeform: Shape 231">
              <a:extLst>
                <a:ext uri="{FF2B5EF4-FFF2-40B4-BE49-F238E27FC236}">
                  <a16:creationId xmlns:a16="http://schemas.microsoft.com/office/drawing/2014/main" id="{E3B2671E-995F-4B54-8308-845621B27616}"/>
                </a:ext>
              </a:extLst>
            </p:cNvPr>
            <p:cNvSpPr/>
            <p:nvPr/>
          </p:nvSpPr>
          <p:spPr>
            <a:xfrm>
              <a:off x="4621389"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3" name="Freeform: Shape 232">
              <a:extLst>
                <a:ext uri="{FF2B5EF4-FFF2-40B4-BE49-F238E27FC236}">
                  <a16:creationId xmlns:a16="http://schemas.microsoft.com/office/drawing/2014/main" id="{BBE7FA4D-BF05-4B7D-99EE-DA2DC30AEFE5}"/>
                </a:ext>
              </a:extLst>
            </p:cNvPr>
            <p:cNvSpPr/>
            <p:nvPr/>
          </p:nvSpPr>
          <p:spPr>
            <a:xfrm>
              <a:off x="205385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4" name="Freeform: Shape 233">
              <a:extLst>
                <a:ext uri="{FF2B5EF4-FFF2-40B4-BE49-F238E27FC236}">
                  <a16:creationId xmlns:a16="http://schemas.microsoft.com/office/drawing/2014/main" id="{C1FF0BD1-04FE-40C6-AF1F-3E7FB8347958}"/>
                </a:ext>
              </a:extLst>
            </p:cNvPr>
            <p:cNvSpPr/>
            <p:nvPr/>
          </p:nvSpPr>
          <p:spPr>
            <a:xfrm>
              <a:off x="205385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5" name="Freeform: Shape 234">
              <a:extLst>
                <a:ext uri="{FF2B5EF4-FFF2-40B4-BE49-F238E27FC236}">
                  <a16:creationId xmlns:a16="http://schemas.microsoft.com/office/drawing/2014/main" id="{C1B172B2-EA20-425F-B1F1-A48F06A8316A}"/>
                </a:ext>
              </a:extLst>
            </p:cNvPr>
            <p:cNvSpPr/>
            <p:nvPr/>
          </p:nvSpPr>
          <p:spPr>
            <a:xfrm>
              <a:off x="205385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6" name="Freeform: Shape 235">
              <a:extLst>
                <a:ext uri="{FF2B5EF4-FFF2-40B4-BE49-F238E27FC236}">
                  <a16:creationId xmlns:a16="http://schemas.microsoft.com/office/drawing/2014/main" id="{63E786EA-9A18-420F-A5EC-CE11BACC2A24}"/>
                </a:ext>
              </a:extLst>
            </p:cNvPr>
            <p:cNvSpPr/>
            <p:nvPr/>
          </p:nvSpPr>
          <p:spPr>
            <a:xfrm>
              <a:off x="4621389"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7" name="Freeform: Shape 236">
              <a:extLst>
                <a:ext uri="{FF2B5EF4-FFF2-40B4-BE49-F238E27FC236}">
                  <a16:creationId xmlns:a16="http://schemas.microsoft.com/office/drawing/2014/main" id="{C5AEADB0-C8CF-4D89-A8F7-8901FBFA387D}"/>
                </a:ext>
              </a:extLst>
            </p:cNvPr>
            <p:cNvSpPr/>
            <p:nvPr/>
          </p:nvSpPr>
          <p:spPr>
            <a:xfrm>
              <a:off x="4621389"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8" name="Freeform: Shape 237">
              <a:extLst>
                <a:ext uri="{FF2B5EF4-FFF2-40B4-BE49-F238E27FC236}">
                  <a16:creationId xmlns:a16="http://schemas.microsoft.com/office/drawing/2014/main" id="{8F8B91AB-7CA4-4BB1-A0A9-DC410278CBEE}"/>
                </a:ext>
              </a:extLst>
            </p:cNvPr>
            <p:cNvSpPr/>
            <p:nvPr/>
          </p:nvSpPr>
          <p:spPr>
            <a:xfrm>
              <a:off x="4621389"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39" name="Freeform: Shape 238">
              <a:extLst>
                <a:ext uri="{FF2B5EF4-FFF2-40B4-BE49-F238E27FC236}">
                  <a16:creationId xmlns:a16="http://schemas.microsoft.com/office/drawing/2014/main" id="{563242A6-6155-4DEC-9083-DA74ECFD3CFB}"/>
                </a:ext>
              </a:extLst>
            </p:cNvPr>
            <p:cNvSpPr/>
            <p:nvPr/>
          </p:nvSpPr>
          <p:spPr>
            <a:xfrm>
              <a:off x="219645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0" name="Freeform: Shape 239">
              <a:extLst>
                <a:ext uri="{FF2B5EF4-FFF2-40B4-BE49-F238E27FC236}">
                  <a16:creationId xmlns:a16="http://schemas.microsoft.com/office/drawing/2014/main" id="{D149601D-B476-44F1-B0BA-BC97CCEE7F72}"/>
                </a:ext>
              </a:extLst>
            </p:cNvPr>
            <p:cNvSpPr/>
            <p:nvPr/>
          </p:nvSpPr>
          <p:spPr>
            <a:xfrm>
              <a:off x="476406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1" name="Freeform: Shape 240">
              <a:extLst>
                <a:ext uri="{FF2B5EF4-FFF2-40B4-BE49-F238E27FC236}">
                  <a16:creationId xmlns:a16="http://schemas.microsoft.com/office/drawing/2014/main" id="{901C92FA-FCC6-44F7-8155-855987F3EB7B}"/>
                </a:ext>
              </a:extLst>
            </p:cNvPr>
            <p:cNvSpPr/>
            <p:nvPr/>
          </p:nvSpPr>
          <p:spPr>
            <a:xfrm>
              <a:off x="219645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2" name="Freeform: Shape 241">
              <a:extLst>
                <a:ext uri="{FF2B5EF4-FFF2-40B4-BE49-F238E27FC236}">
                  <a16:creationId xmlns:a16="http://schemas.microsoft.com/office/drawing/2014/main" id="{836CAB45-208E-4C31-B4C1-9485A97EF92F}"/>
                </a:ext>
              </a:extLst>
            </p:cNvPr>
            <p:cNvSpPr/>
            <p:nvPr/>
          </p:nvSpPr>
          <p:spPr>
            <a:xfrm>
              <a:off x="219645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3" name="Freeform: Shape 242">
              <a:extLst>
                <a:ext uri="{FF2B5EF4-FFF2-40B4-BE49-F238E27FC236}">
                  <a16:creationId xmlns:a16="http://schemas.microsoft.com/office/drawing/2014/main" id="{6B0F97A8-3E5B-4A17-8A6E-531C6893A453}"/>
                </a:ext>
              </a:extLst>
            </p:cNvPr>
            <p:cNvSpPr/>
            <p:nvPr/>
          </p:nvSpPr>
          <p:spPr>
            <a:xfrm>
              <a:off x="219645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4" name="Freeform: Shape 243">
              <a:extLst>
                <a:ext uri="{FF2B5EF4-FFF2-40B4-BE49-F238E27FC236}">
                  <a16:creationId xmlns:a16="http://schemas.microsoft.com/office/drawing/2014/main" id="{137E6758-7FF9-4CFA-8F31-997F5E269161}"/>
                </a:ext>
              </a:extLst>
            </p:cNvPr>
            <p:cNvSpPr/>
            <p:nvPr/>
          </p:nvSpPr>
          <p:spPr>
            <a:xfrm>
              <a:off x="476406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5" name="Freeform: Shape 244">
              <a:extLst>
                <a:ext uri="{FF2B5EF4-FFF2-40B4-BE49-F238E27FC236}">
                  <a16:creationId xmlns:a16="http://schemas.microsoft.com/office/drawing/2014/main" id="{CDFE0C78-EE08-4000-A1AE-CB6120D51AB4}"/>
                </a:ext>
              </a:extLst>
            </p:cNvPr>
            <p:cNvSpPr/>
            <p:nvPr/>
          </p:nvSpPr>
          <p:spPr>
            <a:xfrm>
              <a:off x="476406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6" name="Freeform: Shape 245">
              <a:extLst>
                <a:ext uri="{FF2B5EF4-FFF2-40B4-BE49-F238E27FC236}">
                  <a16:creationId xmlns:a16="http://schemas.microsoft.com/office/drawing/2014/main" id="{6C4BA017-8387-4EE1-9605-0E91B7CBB5EB}"/>
                </a:ext>
              </a:extLst>
            </p:cNvPr>
            <p:cNvSpPr/>
            <p:nvPr/>
          </p:nvSpPr>
          <p:spPr>
            <a:xfrm>
              <a:off x="476406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7" name="Freeform: Shape 246">
              <a:extLst>
                <a:ext uri="{FF2B5EF4-FFF2-40B4-BE49-F238E27FC236}">
                  <a16:creationId xmlns:a16="http://schemas.microsoft.com/office/drawing/2014/main" id="{4F5A48D8-C5C7-4D09-A6DD-E5FA0B3D4FEC}"/>
                </a:ext>
              </a:extLst>
            </p:cNvPr>
            <p:cNvSpPr/>
            <p:nvPr/>
          </p:nvSpPr>
          <p:spPr>
            <a:xfrm>
              <a:off x="233912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8" name="Freeform: Shape 247">
              <a:extLst>
                <a:ext uri="{FF2B5EF4-FFF2-40B4-BE49-F238E27FC236}">
                  <a16:creationId xmlns:a16="http://schemas.microsoft.com/office/drawing/2014/main" id="{0FA3B7B4-9AB0-4418-ABDF-00851EE9F228}"/>
                </a:ext>
              </a:extLst>
            </p:cNvPr>
            <p:cNvSpPr/>
            <p:nvPr/>
          </p:nvSpPr>
          <p:spPr>
            <a:xfrm>
              <a:off x="490666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49" name="Freeform: Shape 248">
              <a:extLst>
                <a:ext uri="{FF2B5EF4-FFF2-40B4-BE49-F238E27FC236}">
                  <a16:creationId xmlns:a16="http://schemas.microsoft.com/office/drawing/2014/main" id="{E7A0D928-8FE2-425C-ADBC-D4D07361EC1E}"/>
                </a:ext>
              </a:extLst>
            </p:cNvPr>
            <p:cNvSpPr/>
            <p:nvPr/>
          </p:nvSpPr>
          <p:spPr>
            <a:xfrm>
              <a:off x="233912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0" name="Freeform: Shape 249">
              <a:extLst>
                <a:ext uri="{FF2B5EF4-FFF2-40B4-BE49-F238E27FC236}">
                  <a16:creationId xmlns:a16="http://schemas.microsoft.com/office/drawing/2014/main" id="{4C4250B4-CD4D-4F29-A18F-118B23AD1D79}"/>
                </a:ext>
              </a:extLst>
            </p:cNvPr>
            <p:cNvSpPr/>
            <p:nvPr/>
          </p:nvSpPr>
          <p:spPr>
            <a:xfrm>
              <a:off x="233912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1" name="Freeform: Shape 250">
              <a:extLst>
                <a:ext uri="{FF2B5EF4-FFF2-40B4-BE49-F238E27FC236}">
                  <a16:creationId xmlns:a16="http://schemas.microsoft.com/office/drawing/2014/main" id="{29ECE4F5-E97F-417A-98FC-322C918420A1}"/>
                </a:ext>
              </a:extLst>
            </p:cNvPr>
            <p:cNvSpPr/>
            <p:nvPr/>
          </p:nvSpPr>
          <p:spPr>
            <a:xfrm>
              <a:off x="233912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2" name="Freeform: Shape 251">
              <a:extLst>
                <a:ext uri="{FF2B5EF4-FFF2-40B4-BE49-F238E27FC236}">
                  <a16:creationId xmlns:a16="http://schemas.microsoft.com/office/drawing/2014/main" id="{352285FB-1125-4133-A6E1-17350E35B2C0}"/>
                </a:ext>
              </a:extLst>
            </p:cNvPr>
            <p:cNvSpPr/>
            <p:nvPr/>
          </p:nvSpPr>
          <p:spPr>
            <a:xfrm>
              <a:off x="490666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3" name="Freeform: Shape 252">
              <a:extLst>
                <a:ext uri="{FF2B5EF4-FFF2-40B4-BE49-F238E27FC236}">
                  <a16:creationId xmlns:a16="http://schemas.microsoft.com/office/drawing/2014/main" id="{6D93EC60-6966-411C-AC22-3E6F24BCBA1E}"/>
                </a:ext>
              </a:extLst>
            </p:cNvPr>
            <p:cNvSpPr/>
            <p:nvPr/>
          </p:nvSpPr>
          <p:spPr>
            <a:xfrm>
              <a:off x="490666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4" name="Freeform: Shape 253">
              <a:extLst>
                <a:ext uri="{FF2B5EF4-FFF2-40B4-BE49-F238E27FC236}">
                  <a16:creationId xmlns:a16="http://schemas.microsoft.com/office/drawing/2014/main" id="{BB149CAC-A10A-49BC-BFEB-51A199BE5188}"/>
                </a:ext>
              </a:extLst>
            </p:cNvPr>
            <p:cNvSpPr/>
            <p:nvPr/>
          </p:nvSpPr>
          <p:spPr>
            <a:xfrm>
              <a:off x="490666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5" name="Freeform: Shape 254">
              <a:extLst>
                <a:ext uri="{FF2B5EF4-FFF2-40B4-BE49-F238E27FC236}">
                  <a16:creationId xmlns:a16="http://schemas.microsoft.com/office/drawing/2014/main" id="{FA825405-E475-46C0-BA54-B8D94BD30162}"/>
                </a:ext>
              </a:extLst>
            </p:cNvPr>
            <p:cNvSpPr/>
            <p:nvPr/>
          </p:nvSpPr>
          <p:spPr>
            <a:xfrm>
              <a:off x="24817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6" name="Freeform: Shape 255">
              <a:extLst>
                <a:ext uri="{FF2B5EF4-FFF2-40B4-BE49-F238E27FC236}">
                  <a16:creationId xmlns:a16="http://schemas.microsoft.com/office/drawing/2014/main" id="{69142E7D-5664-4811-8AD6-778EEAD03EE1}"/>
                </a:ext>
              </a:extLst>
            </p:cNvPr>
            <p:cNvSpPr/>
            <p:nvPr/>
          </p:nvSpPr>
          <p:spPr>
            <a:xfrm>
              <a:off x="24817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7" name="Freeform: Shape 256">
              <a:extLst>
                <a:ext uri="{FF2B5EF4-FFF2-40B4-BE49-F238E27FC236}">
                  <a16:creationId xmlns:a16="http://schemas.microsoft.com/office/drawing/2014/main" id="{37672409-4202-45DF-A430-54E171B69841}"/>
                </a:ext>
              </a:extLst>
            </p:cNvPr>
            <p:cNvSpPr/>
            <p:nvPr/>
          </p:nvSpPr>
          <p:spPr>
            <a:xfrm>
              <a:off x="24817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8" name="Freeform: Shape 257">
              <a:extLst>
                <a:ext uri="{FF2B5EF4-FFF2-40B4-BE49-F238E27FC236}">
                  <a16:creationId xmlns:a16="http://schemas.microsoft.com/office/drawing/2014/main" id="{7BA52E99-D265-4B78-821C-91B5EF94A004}"/>
                </a:ext>
              </a:extLst>
            </p:cNvPr>
            <p:cNvSpPr/>
            <p:nvPr/>
          </p:nvSpPr>
          <p:spPr>
            <a:xfrm>
              <a:off x="24817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59" name="Freeform: Shape 258">
              <a:extLst>
                <a:ext uri="{FF2B5EF4-FFF2-40B4-BE49-F238E27FC236}">
                  <a16:creationId xmlns:a16="http://schemas.microsoft.com/office/drawing/2014/main" id="{61C66DC2-D30E-4756-8C4E-A116C561C399}"/>
                </a:ext>
              </a:extLst>
            </p:cNvPr>
            <p:cNvSpPr/>
            <p:nvPr/>
          </p:nvSpPr>
          <p:spPr>
            <a:xfrm>
              <a:off x="262439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0" name="Freeform: Shape 259">
              <a:extLst>
                <a:ext uri="{FF2B5EF4-FFF2-40B4-BE49-F238E27FC236}">
                  <a16:creationId xmlns:a16="http://schemas.microsoft.com/office/drawing/2014/main" id="{67B1DCDA-C2F2-4450-A659-020FD287249B}"/>
                </a:ext>
              </a:extLst>
            </p:cNvPr>
            <p:cNvSpPr/>
            <p:nvPr/>
          </p:nvSpPr>
          <p:spPr>
            <a:xfrm>
              <a:off x="262439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1" name="Freeform: Shape 260">
              <a:extLst>
                <a:ext uri="{FF2B5EF4-FFF2-40B4-BE49-F238E27FC236}">
                  <a16:creationId xmlns:a16="http://schemas.microsoft.com/office/drawing/2014/main" id="{08C78037-A6AF-4564-930B-F7DFC42D78A1}"/>
                </a:ext>
              </a:extLst>
            </p:cNvPr>
            <p:cNvSpPr/>
            <p:nvPr/>
          </p:nvSpPr>
          <p:spPr>
            <a:xfrm>
              <a:off x="262439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2" name="Freeform: Shape 261">
              <a:extLst>
                <a:ext uri="{FF2B5EF4-FFF2-40B4-BE49-F238E27FC236}">
                  <a16:creationId xmlns:a16="http://schemas.microsoft.com/office/drawing/2014/main" id="{F64BCA66-336A-448A-9CBD-2873C6B4A184}"/>
                </a:ext>
              </a:extLst>
            </p:cNvPr>
            <p:cNvSpPr/>
            <p:nvPr/>
          </p:nvSpPr>
          <p:spPr>
            <a:xfrm>
              <a:off x="262439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3" name="Freeform: Shape 262">
              <a:extLst>
                <a:ext uri="{FF2B5EF4-FFF2-40B4-BE49-F238E27FC236}">
                  <a16:creationId xmlns:a16="http://schemas.microsoft.com/office/drawing/2014/main" id="{FF1ADF70-1B20-491A-9A49-369147036E8E}"/>
                </a:ext>
              </a:extLst>
            </p:cNvPr>
            <p:cNvSpPr/>
            <p:nvPr/>
          </p:nvSpPr>
          <p:spPr>
            <a:xfrm>
              <a:off x="2767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4" name="Freeform: Shape 263">
              <a:extLst>
                <a:ext uri="{FF2B5EF4-FFF2-40B4-BE49-F238E27FC236}">
                  <a16:creationId xmlns:a16="http://schemas.microsoft.com/office/drawing/2014/main" id="{EDED8DA9-EEBE-4E3D-BF13-EF7922BCE6BB}"/>
                </a:ext>
              </a:extLst>
            </p:cNvPr>
            <p:cNvSpPr/>
            <p:nvPr/>
          </p:nvSpPr>
          <p:spPr>
            <a:xfrm>
              <a:off x="2767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5" name="Freeform: Shape 264">
              <a:extLst>
                <a:ext uri="{FF2B5EF4-FFF2-40B4-BE49-F238E27FC236}">
                  <a16:creationId xmlns:a16="http://schemas.microsoft.com/office/drawing/2014/main" id="{B5A6A0DB-7373-4869-84A9-642FC216AF9A}"/>
                </a:ext>
              </a:extLst>
            </p:cNvPr>
            <p:cNvSpPr/>
            <p:nvPr/>
          </p:nvSpPr>
          <p:spPr>
            <a:xfrm>
              <a:off x="2767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6" name="Freeform: Shape 265">
              <a:extLst>
                <a:ext uri="{FF2B5EF4-FFF2-40B4-BE49-F238E27FC236}">
                  <a16:creationId xmlns:a16="http://schemas.microsoft.com/office/drawing/2014/main" id="{78D5987E-0F85-4452-98CB-0E6C29BDF7DE}"/>
                </a:ext>
              </a:extLst>
            </p:cNvPr>
            <p:cNvSpPr/>
            <p:nvPr/>
          </p:nvSpPr>
          <p:spPr>
            <a:xfrm>
              <a:off x="2767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7" name="Freeform: Shape 266">
              <a:extLst>
                <a:ext uri="{FF2B5EF4-FFF2-40B4-BE49-F238E27FC236}">
                  <a16:creationId xmlns:a16="http://schemas.microsoft.com/office/drawing/2014/main" id="{E4AD54D6-CDA9-4AD6-B8E0-F133D886604F}"/>
                </a:ext>
              </a:extLst>
            </p:cNvPr>
            <p:cNvSpPr/>
            <p:nvPr/>
          </p:nvSpPr>
          <p:spPr>
            <a:xfrm>
              <a:off x="290967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8" name="Freeform: Shape 267">
              <a:extLst>
                <a:ext uri="{FF2B5EF4-FFF2-40B4-BE49-F238E27FC236}">
                  <a16:creationId xmlns:a16="http://schemas.microsoft.com/office/drawing/2014/main" id="{45511346-D7F2-4203-A1F3-BA32581F7678}"/>
                </a:ext>
              </a:extLst>
            </p:cNvPr>
            <p:cNvSpPr/>
            <p:nvPr/>
          </p:nvSpPr>
          <p:spPr>
            <a:xfrm>
              <a:off x="290967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69" name="Freeform: Shape 268">
              <a:extLst>
                <a:ext uri="{FF2B5EF4-FFF2-40B4-BE49-F238E27FC236}">
                  <a16:creationId xmlns:a16="http://schemas.microsoft.com/office/drawing/2014/main" id="{5D52E8EA-AC09-4971-875E-487276545554}"/>
                </a:ext>
              </a:extLst>
            </p:cNvPr>
            <p:cNvSpPr/>
            <p:nvPr/>
          </p:nvSpPr>
          <p:spPr>
            <a:xfrm>
              <a:off x="290967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0" name="Freeform: Shape 269">
              <a:extLst>
                <a:ext uri="{FF2B5EF4-FFF2-40B4-BE49-F238E27FC236}">
                  <a16:creationId xmlns:a16="http://schemas.microsoft.com/office/drawing/2014/main" id="{2D6BCFFE-413F-40F6-B8E3-F0092B54562F}"/>
                </a:ext>
              </a:extLst>
            </p:cNvPr>
            <p:cNvSpPr/>
            <p:nvPr/>
          </p:nvSpPr>
          <p:spPr>
            <a:xfrm>
              <a:off x="290967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1" name="Freeform: Shape 270">
              <a:extLst>
                <a:ext uri="{FF2B5EF4-FFF2-40B4-BE49-F238E27FC236}">
                  <a16:creationId xmlns:a16="http://schemas.microsoft.com/office/drawing/2014/main" id="{CBD41B8E-3BB8-4CC2-BC69-DEC8965AEF96}"/>
                </a:ext>
              </a:extLst>
            </p:cNvPr>
            <p:cNvSpPr/>
            <p:nvPr/>
          </p:nvSpPr>
          <p:spPr>
            <a:xfrm>
              <a:off x="305234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2" name="Freeform: Shape 271">
              <a:extLst>
                <a:ext uri="{FF2B5EF4-FFF2-40B4-BE49-F238E27FC236}">
                  <a16:creationId xmlns:a16="http://schemas.microsoft.com/office/drawing/2014/main" id="{3F1F0664-677C-49B1-8578-BE71028B30F2}"/>
                </a:ext>
              </a:extLst>
            </p:cNvPr>
            <p:cNvSpPr/>
            <p:nvPr/>
          </p:nvSpPr>
          <p:spPr>
            <a:xfrm>
              <a:off x="305234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3" name="Freeform: Shape 272">
              <a:extLst>
                <a:ext uri="{FF2B5EF4-FFF2-40B4-BE49-F238E27FC236}">
                  <a16:creationId xmlns:a16="http://schemas.microsoft.com/office/drawing/2014/main" id="{8404CF36-D296-45D3-9A4A-D4597F8F1332}"/>
                </a:ext>
              </a:extLst>
            </p:cNvPr>
            <p:cNvSpPr/>
            <p:nvPr/>
          </p:nvSpPr>
          <p:spPr>
            <a:xfrm>
              <a:off x="305234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4" name="Freeform: Shape 273">
              <a:extLst>
                <a:ext uri="{FF2B5EF4-FFF2-40B4-BE49-F238E27FC236}">
                  <a16:creationId xmlns:a16="http://schemas.microsoft.com/office/drawing/2014/main" id="{511C9E56-2906-4FC7-B554-21AF8C0734CC}"/>
                </a:ext>
              </a:extLst>
            </p:cNvPr>
            <p:cNvSpPr/>
            <p:nvPr/>
          </p:nvSpPr>
          <p:spPr>
            <a:xfrm>
              <a:off x="305234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5" name="Freeform: Shape 274">
              <a:extLst>
                <a:ext uri="{FF2B5EF4-FFF2-40B4-BE49-F238E27FC236}">
                  <a16:creationId xmlns:a16="http://schemas.microsoft.com/office/drawing/2014/main" id="{C8DFFF25-4B5C-4403-8C5D-34F0AF82DE9C}"/>
                </a:ext>
              </a:extLst>
            </p:cNvPr>
            <p:cNvSpPr/>
            <p:nvPr/>
          </p:nvSpPr>
          <p:spPr>
            <a:xfrm>
              <a:off x="319494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6" name="Freeform: Shape 275">
              <a:extLst>
                <a:ext uri="{FF2B5EF4-FFF2-40B4-BE49-F238E27FC236}">
                  <a16:creationId xmlns:a16="http://schemas.microsoft.com/office/drawing/2014/main" id="{4B260F95-B905-4C20-83D3-CF9FAC73B9D1}"/>
                </a:ext>
              </a:extLst>
            </p:cNvPr>
            <p:cNvSpPr/>
            <p:nvPr/>
          </p:nvSpPr>
          <p:spPr>
            <a:xfrm>
              <a:off x="319494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7" name="Freeform: Shape 276">
              <a:extLst>
                <a:ext uri="{FF2B5EF4-FFF2-40B4-BE49-F238E27FC236}">
                  <a16:creationId xmlns:a16="http://schemas.microsoft.com/office/drawing/2014/main" id="{E4CC5BF6-0646-475C-819D-BC5105B23663}"/>
                </a:ext>
              </a:extLst>
            </p:cNvPr>
            <p:cNvSpPr/>
            <p:nvPr/>
          </p:nvSpPr>
          <p:spPr>
            <a:xfrm>
              <a:off x="319494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8" name="Freeform: Shape 277">
              <a:extLst>
                <a:ext uri="{FF2B5EF4-FFF2-40B4-BE49-F238E27FC236}">
                  <a16:creationId xmlns:a16="http://schemas.microsoft.com/office/drawing/2014/main" id="{F02CBDE4-AA9D-49F9-AF20-A55A3094217D}"/>
                </a:ext>
              </a:extLst>
            </p:cNvPr>
            <p:cNvSpPr/>
            <p:nvPr/>
          </p:nvSpPr>
          <p:spPr>
            <a:xfrm>
              <a:off x="319494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79" name="Freeform: Shape 278">
              <a:extLst>
                <a:ext uri="{FF2B5EF4-FFF2-40B4-BE49-F238E27FC236}">
                  <a16:creationId xmlns:a16="http://schemas.microsoft.com/office/drawing/2014/main" id="{59A043AC-DAF1-4C86-908F-0D5159E6C962}"/>
                </a:ext>
              </a:extLst>
            </p:cNvPr>
            <p:cNvSpPr/>
            <p:nvPr/>
          </p:nvSpPr>
          <p:spPr>
            <a:xfrm>
              <a:off x="333762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0" name="Freeform: Shape 279">
              <a:extLst>
                <a:ext uri="{FF2B5EF4-FFF2-40B4-BE49-F238E27FC236}">
                  <a16:creationId xmlns:a16="http://schemas.microsoft.com/office/drawing/2014/main" id="{F02000E7-119E-4BDE-90BD-02C3258F95CE}"/>
                </a:ext>
              </a:extLst>
            </p:cNvPr>
            <p:cNvSpPr/>
            <p:nvPr/>
          </p:nvSpPr>
          <p:spPr>
            <a:xfrm>
              <a:off x="333762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1" name="Freeform: Shape 280">
              <a:extLst>
                <a:ext uri="{FF2B5EF4-FFF2-40B4-BE49-F238E27FC236}">
                  <a16:creationId xmlns:a16="http://schemas.microsoft.com/office/drawing/2014/main" id="{007FF71B-51FA-40AB-885A-CA18B4DB9FDC}"/>
                </a:ext>
              </a:extLst>
            </p:cNvPr>
            <p:cNvSpPr/>
            <p:nvPr/>
          </p:nvSpPr>
          <p:spPr>
            <a:xfrm>
              <a:off x="333762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2" name="Freeform: Shape 281">
              <a:extLst>
                <a:ext uri="{FF2B5EF4-FFF2-40B4-BE49-F238E27FC236}">
                  <a16:creationId xmlns:a16="http://schemas.microsoft.com/office/drawing/2014/main" id="{54FCD10B-A51B-498F-8A1F-79B213186880}"/>
                </a:ext>
              </a:extLst>
            </p:cNvPr>
            <p:cNvSpPr/>
            <p:nvPr/>
          </p:nvSpPr>
          <p:spPr>
            <a:xfrm>
              <a:off x="333762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3" name="Freeform: Shape 282">
              <a:extLst>
                <a:ext uri="{FF2B5EF4-FFF2-40B4-BE49-F238E27FC236}">
                  <a16:creationId xmlns:a16="http://schemas.microsoft.com/office/drawing/2014/main" id="{94F8232D-7004-49F0-A86B-F05FCDB208D5}"/>
                </a:ext>
              </a:extLst>
            </p:cNvPr>
            <p:cNvSpPr/>
            <p:nvPr/>
          </p:nvSpPr>
          <p:spPr>
            <a:xfrm>
              <a:off x="105535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4" name="Freeform: Shape 283">
              <a:extLst>
                <a:ext uri="{FF2B5EF4-FFF2-40B4-BE49-F238E27FC236}">
                  <a16:creationId xmlns:a16="http://schemas.microsoft.com/office/drawing/2014/main" id="{9CB82260-A2F2-42F1-8E07-A0E19C8F3DCA}"/>
                </a:ext>
              </a:extLst>
            </p:cNvPr>
            <p:cNvSpPr/>
            <p:nvPr/>
          </p:nvSpPr>
          <p:spPr>
            <a:xfrm>
              <a:off x="362289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5" name="Freeform: Shape 284">
              <a:extLst>
                <a:ext uri="{FF2B5EF4-FFF2-40B4-BE49-F238E27FC236}">
                  <a16:creationId xmlns:a16="http://schemas.microsoft.com/office/drawing/2014/main" id="{1F6AE420-CF9A-4288-94E6-36229C056D4E}"/>
                </a:ext>
              </a:extLst>
            </p:cNvPr>
            <p:cNvSpPr/>
            <p:nvPr/>
          </p:nvSpPr>
          <p:spPr>
            <a:xfrm>
              <a:off x="105535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6" name="Freeform: Shape 285">
              <a:extLst>
                <a:ext uri="{FF2B5EF4-FFF2-40B4-BE49-F238E27FC236}">
                  <a16:creationId xmlns:a16="http://schemas.microsoft.com/office/drawing/2014/main" id="{07D4CEA2-8395-43CE-8F8A-D8D0D6AE0E69}"/>
                </a:ext>
              </a:extLst>
            </p:cNvPr>
            <p:cNvSpPr/>
            <p:nvPr/>
          </p:nvSpPr>
          <p:spPr>
            <a:xfrm>
              <a:off x="105535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7" name="Freeform: Shape 286">
              <a:extLst>
                <a:ext uri="{FF2B5EF4-FFF2-40B4-BE49-F238E27FC236}">
                  <a16:creationId xmlns:a16="http://schemas.microsoft.com/office/drawing/2014/main" id="{C9DD8D14-D681-454B-A37A-130B124AF186}"/>
                </a:ext>
              </a:extLst>
            </p:cNvPr>
            <p:cNvSpPr/>
            <p:nvPr/>
          </p:nvSpPr>
          <p:spPr>
            <a:xfrm>
              <a:off x="105535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8" name="Freeform: Shape 287">
              <a:extLst>
                <a:ext uri="{FF2B5EF4-FFF2-40B4-BE49-F238E27FC236}">
                  <a16:creationId xmlns:a16="http://schemas.microsoft.com/office/drawing/2014/main" id="{B087AB6E-8287-4804-A33B-1E8553C0E673}"/>
                </a:ext>
              </a:extLst>
            </p:cNvPr>
            <p:cNvSpPr/>
            <p:nvPr/>
          </p:nvSpPr>
          <p:spPr>
            <a:xfrm>
              <a:off x="362289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89" name="Freeform: Shape 288">
              <a:extLst>
                <a:ext uri="{FF2B5EF4-FFF2-40B4-BE49-F238E27FC236}">
                  <a16:creationId xmlns:a16="http://schemas.microsoft.com/office/drawing/2014/main" id="{6C757E94-1B00-4135-B402-7044EE9CE4C1}"/>
                </a:ext>
              </a:extLst>
            </p:cNvPr>
            <p:cNvSpPr/>
            <p:nvPr/>
          </p:nvSpPr>
          <p:spPr>
            <a:xfrm>
              <a:off x="362289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90" name="Freeform: Shape 289">
              <a:extLst>
                <a:ext uri="{FF2B5EF4-FFF2-40B4-BE49-F238E27FC236}">
                  <a16:creationId xmlns:a16="http://schemas.microsoft.com/office/drawing/2014/main" id="{B8AA6312-A24C-48EB-8758-4735B5CA4B8D}"/>
                </a:ext>
              </a:extLst>
            </p:cNvPr>
            <p:cNvSpPr/>
            <p:nvPr/>
          </p:nvSpPr>
          <p:spPr>
            <a:xfrm>
              <a:off x="362289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291" name="Freeform: Shape 290">
              <a:extLst>
                <a:ext uri="{FF2B5EF4-FFF2-40B4-BE49-F238E27FC236}">
                  <a16:creationId xmlns:a16="http://schemas.microsoft.com/office/drawing/2014/main" id="{FD09459E-D063-43D4-859A-D6416B11B494}"/>
                </a:ext>
              </a:extLst>
            </p:cNvPr>
            <p:cNvSpPr/>
            <p:nvPr/>
          </p:nvSpPr>
          <p:spPr>
            <a:xfrm>
              <a:off x="433611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27" name="Freeform: Shape 326">
              <a:extLst>
                <a:ext uri="{FF2B5EF4-FFF2-40B4-BE49-F238E27FC236}">
                  <a16:creationId xmlns:a16="http://schemas.microsoft.com/office/drawing/2014/main" id="{B729397C-5660-43A9-A868-84D452318882}"/>
                </a:ext>
              </a:extLst>
            </p:cNvPr>
            <p:cNvSpPr/>
            <p:nvPr/>
          </p:nvSpPr>
          <p:spPr>
            <a:xfrm>
              <a:off x="5796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1" name="Freeform: Shape 330">
              <a:extLst>
                <a:ext uri="{FF2B5EF4-FFF2-40B4-BE49-F238E27FC236}">
                  <a16:creationId xmlns:a16="http://schemas.microsoft.com/office/drawing/2014/main" id="{E233F836-7120-4377-9478-CAA7B8AFD47F}"/>
                </a:ext>
              </a:extLst>
            </p:cNvPr>
            <p:cNvSpPr/>
            <p:nvPr/>
          </p:nvSpPr>
          <p:spPr>
            <a:xfrm>
              <a:off x="5796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2" name="Freeform: Shape 331">
              <a:extLst>
                <a:ext uri="{FF2B5EF4-FFF2-40B4-BE49-F238E27FC236}">
                  <a16:creationId xmlns:a16="http://schemas.microsoft.com/office/drawing/2014/main" id="{900399CE-0161-4AEB-B3D1-9EABC33111DA}"/>
                </a:ext>
              </a:extLst>
            </p:cNvPr>
            <p:cNvSpPr/>
            <p:nvPr/>
          </p:nvSpPr>
          <p:spPr>
            <a:xfrm>
              <a:off x="5796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3" name="Freeform: Shape 332">
              <a:extLst>
                <a:ext uri="{FF2B5EF4-FFF2-40B4-BE49-F238E27FC236}">
                  <a16:creationId xmlns:a16="http://schemas.microsoft.com/office/drawing/2014/main" id="{793F1B21-2A2A-4BF1-839A-0CED429D1DBA}"/>
                </a:ext>
              </a:extLst>
            </p:cNvPr>
            <p:cNvSpPr/>
            <p:nvPr/>
          </p:nvSpPr>
          <p:spPr>
            <a:xfrm>
              <a:off x="5796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5" name="Freeform: Shape 334">
              <a:extLst>
                <a:ext uri="{FF2B5EF4-FFF2-40B4-BE49-F238E27FC236}">
                  <a16:creationId xmlns:a16="http://schemas.microsoft.com/office/drawing/2014/main" id="{E1C112C9-B364-4E4E-82A6-4EAE2A02713D}"/>
                </a:ext>
              </a:extLst>
            </p:cNvPr>
            <p:cNvSpPr/>
            <p:nvPr/>
          </p:nvSpPr>
          <p:spPr>
            <a:xfrm>
              <a:off x="20063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39" name="Freeform: Shape 338">
              <a:extLst>
                <a:ext uri="{FF2B5EF4-FFF2-40B4-BE49-F238E27FC236}">
                  <a16:creationId xmlns:a16="http://schemas.microsoft.com/office/drawing/2014/main" id="{EC7413E4-7EC7-44BF-8632-DAE56E19E9E3}"/>
                </a:ext>
              </a:extLst>
            </p:cNvPr>
            <p:cNvSpPr/>
            <p:nvPr/>
          </p:nvSpPr>
          <p:spPr>
            <a:xfrm>
              <a:off x="20063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0" name="Freeform: Shape 339">
              <a:extLst>
                <a:ext uri="{FF2B5EF4-FFF2-40B4-BE49-F238E27FC236}">
                  <a16:creationId xmlns:a16="http://schemas.microsoft.com/office/drawing/2014/main" id="{EEB08736-0088-47DA-8C05-FF81394FF89A}"/>
                </a:ext>
              </a:extLst>
            </p:cNvPr>
            <p:cNvSpPr/>
            <p:nvPr/>
          </p:nvSpPr>
          <p:spPr>
            <a:xfrm>
              <a:off x="20063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2" name="Freeform: Shape 341">
              <a:extLst>
                <a:ext uri="{FF2B5EF4-FFF2-40B4-BE49-F238E27FC236}">
                  <a16:creationId xmlns:a16="http://schemas.microsoft.com/office/drawing/2014/main" id="{FCB7F045-4899-4D02-9BDD-B2D788983C2A}"/>
                </a:ext>
              </a:extLst>
            </p:cNvPr>
            <p:cNvSpPr/>
            <p:nvPr/>
          </p:nvSpPr>
          <p:spPr>
            <a:xfrm>
              <a:off x="3432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6" name="Freeform: Shape 345">
              <a:extLst>
                <a:ext uri="{FF2B5EF4-FFF2-40B4-BE49-F238E27FC236}">
                  <a16:creationId xmlns:a16="http://schemas.microsoft.com/office/drawing/2014/main" id="{AE62143C-7F01-4699-87B0-4F7E0213B1F1}"/>
                </a:ext>
              </a:extLst>
            </p:cNvPr>
            <p:cNvSpPr/>
            <p:nvPr/>
          </p:nvSpPr>
          <p:spPr>
            <a:xfrm>
              <a:off x="3432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7" name="Freeform: Shape 346">
              <a:extLst>
                <a:ext uri="{FF2B5EF4-FFF2-40B4-BE49-F238E27FC236}">
                  <a16:creationId xmlns:a16="http://schemas.microsoft.com/office/drawing/2014/main" id="{8DD37511-8CBA-4EA7-879A-6D40721E9F41}"/>
                </a:ext>
              </a:extLst>
            </p:cNvPr>
            <p:cNvSpPr/>
            <p:nvPr/>
          </p:nvSpPr>
          <p:spPr>
            <a:xfrm>
              <a:off x="3432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48" name="Freeform: Shape 347">
              <a:extLst>
                <a:ext uri="{FF2B5EF4-FFF2-40B4-BE49-F238E27FC236}">
                  <a16:creationId xmlns:a16="http://schemas.microsoft.com/office/drawing/2014/main" id="{0556BDE0-F157-49A4-B1B7-74399407455E}"/>
                </a:ext>
              </a:extLst>
            </p:cNvPr>
            <p:cNvSpPr/>
            <p:nvPr/>
          </p:nvSpPr>
          <p:spPr>
            <a:xfrm>
              <a:off x="3432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0" name="Freeform: Shape 349">
              <a:extLst>
                <a:ext uri="{FF2B5EF4-FFF2-40B4-BE49-F238E27FC236}">
                  <a16:creationId xmlns:a16="http://schemas.microsoft.com/office/drawing/2014/main" id="{FB5F50F3-ABAA-47E1-89A3-E910AF0BA842}"/>
                </a:ext>
              </a:extLst>
            </p:cNvPr>
            <p:cNvSpPr/>
            <p:nvPr/>
          </p:nvSpPr>
          <p:spPr>
            <a:xfrm>
              <a:off x="485911"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4" name="Freeform: Shape 353">
              <a:extLst>
                <a:ext uri="{FF2B5EF4-FFF2-40B4-BE49-F238E27FC236}">
                  <a16:creationId xmlns:a16="http://schemas.microsoft.com/office/drawing/2014/main" id="{69BF788E-F153-42B2-93C1-459F2B0771AE}"/>
                </a:ext>
              </a:extLst>
            </p:cNvPr>
            <p:cNvSpPr/>
            <p:nvPr/>
          </p:nvSpPr>
          <p:spPr>
            <a:xfrm>
              <a:off x="485911"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5" name="Freeform: Shape 354">
              <a:extLst>
                <a:ext uri="{FF2B5EF4-FFF2-40B4-BE49-F238E27FC236}">
                  <a16:creationId xmlns:a16="http://schemas.microsoft.com/office/drawing/2014/main" id="{D07A0FB8-07F4-4A2F-B2F3-A843586407CF}"/>
                </a:ext>
              </a:extLst>
            </p:cNvPr>
            <p:cNvSpPr/>
            <p:nvPr/>
          </p:nvSpPr>
          <p:spPr>
            <a:xfrm>
              <a:off x="485911"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6" name="Freeform: Shape 355">
              <a:extLst>
                <a:ext uri="{FF2B5EF4-FFF2-40B4-BE49-F238E27FC236}">
                  <a16:creationId xmlns:a16="http://schemas.microsoft.com/office/drawing/2014/main" id="{C0C72748-283B-40D7-A03A-DBF58B58B46A}"/>
                </a:ext>
              </a:extLst>
            </p:cNvPr>
            <p:cNvSpPr/>
            <p:nvPr/>
          </p:nvSpPr>
          <p:spPr>
            <a:xfrm>
              <a:off x="485911"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58" name="Freeform: Shape 357">
              <a:extLst>
                <a:ext uri="{FF2B5EF4-FFF2-40B4-BE49-F238E27FC236}">
                  <a16:creationId xmlns:a16="http://schemas.microsoft.com/office/drawing/2014/main" id="{9C1884FB-3490-4058-8240-F3C01BD7DD80}"/>
                </a:ext>
              </a:extLst>
            </p:cNvPr>
            <p:cNvSpPr/>
            <p:nvPr/>
          </p:nvSpPr>
          <p:spPr>
            <a:xfrm>
              <a:off x="62858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62" name="Freeform: Shape 361">
              <a:extLst>
                <a:ext uri="{FF2B5EF4-FFF2-40B4-BE49-F238E27FC236}">
                  <a16:creationId xmlns:a16="http://schemas.microsoft.com/office/drawing/2014/main" id="{DAD260AE-42CF-4390-9176-B4BD22A528DD}"/>
                </a:ext>
              </a:extLst>
            </p:cNvPr>
            <p:cNvSpPr/>
            <p:nvPr/>
          </p:nvSpPr>
          <p:spPr>
            <a:xfrm>
              <a:off x="62858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63" name="Freeform: Shape 362">
              <a:extLst>
                <a:ext uri="{FF2B5EF4-FFF2-40B4-BE49-F238E27FC236}">
                  <a16:creationId xmlns:a16="http://schemas.microsoft.com/office/drawing/2014/main" id="{905CB6DA-C557-4481-82A2-65FB8AEED2E7}"/>
                </a:ext>
              </a:extLst>
            </p:cNvPr>
            <p:cNvSpPr/>
            <p:nvPr/>
          </p:nvSpPr>
          <p:spPr>
            <a:xfrm>
              <a:off x="62858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64" name="Freeform: Shape 363">
              <a:extLst>
                <a:ext uri="{FF2B5EF4-FFF2-40B4-BE49-F238E27FC236}">
                  <a16:creationId xmlns:a16="http://schemas.microsoft.com/office/drawing/2014/main" id="{32E4D79A-E40D-48E2-9294-14FB1A40078E}"/>
                </a:ext>
              </a:extLst>
            </p:cNvPr>
            <p:cNvSpPr/>
            <p:nvPr/>
          </p:nvSpPr>
          <p:spPr>
            <a:xfrm>
              <a:off x="62858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66" name="Freeform: Shape 365">
              <a:extLst>
                <a:ext uri="{FF2B5EF4-FFF2-40B4-BE49-F238E27FC236}">
                  <a16:creationId xmlns:a16="http://schemas.microsoft.com/office/drawing/2014/main" id="{F7A68C10-6696-4047-AE23-BCE93A5B20F6}"/>
                </a:ext>
              </a:extLst>
            </p:cNvPr>
            <p:cNvSpPr/>
            <p:nvPr/>
          </p:nvSpPr>
          <p:spPr>
            <a:xfrm>
              <a:off x="77118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70" name="Freeform: Shape 369">
              <a:extLst>
                <a:ext uri="{FF2B5EF4-FFF2-40B4-BE49-F238E27FC236}">
                  <a16:creationId xmlns:a16="http://schemas.microsoft.com/office/drawing/2014/main" id="{C8C95FF5-312C-408F-881B-B6E20CA3692B}"/>
                </a:ext>
              </a:extLst>
            </p:cNvPr>
            <p:cNvSpPr/>
            <p:nvPr/>
          </p:nvSpPr>
          <p:spPr>
            <a:xfrm>
              <a:off x="77118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71" name="Freeform: Shape 370">
              <a:extLst>
                <a:ext uri="{FF2B5EF4-FFF2-40B4-BE49-F238E27FC236}">
                  <a16:creationId xmlns:a16="http://schemas.microsoft.com/office/drawing/2014/main" id="{3CA81529-5200-48C6-9458-524876AFE459}"/>
                </a:ext>
              </a:extLst>
            </p:cNvPr>
            <p:cNvSpPr/>
            <p:nvPr/>
          </p:nvSpPr>
          <p:spPr>
            <a:xfrm>
              <a:off x="77118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372" name="Freeform: Shape 371">
              <a:extLst>
                <a:ext uri="{FF2B5EF4-FFF2-40B4-BE49-F238E27FC236}">
                  <a16:creationId xmlns:a16="http://schemas.microsoft.com/office/drawing/2014/main" id="{693C9681-43DA-4555-ADB6-DA2F8D2BD211}"/>
                </a:ext>
              </a:extLst>
            </p:cNvPr>
            <p:cNvSpPr/>
            <p:nvPr/>
          </p:nvSpPr>
          <p:spPr>
            <a:xfrm>
              <a:off x="77118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sp>
          <p:nvSpPr>
            <p:cNvPr id="409" name="Freeform: Shape 408">
              <a:extLst>
                <a:ext uri="{FF2B5EF4-FFF2-40B4-BE49-F238E27FC236}">
                  <a16:creationId xmlns:a16="http://schemas.microsoft.com/office/drawing/2014/main" id="{4A15EF01-C679-408F-A73F-A98755821DD0}"/>
                </a:ext>
              </a:extLst>
            </p:cNvPr>
            <p:cNvSpPr/>
            <p:nvPr/>
          </p:nvSpPr>
          <p:spPr>
            <a:xfrm>
              <a:off x="20063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a:p>
          </p:txBody>
        </p:sp>
      </p:grpSp>
      <p:sp>
        <p:nvSpPr>
          <p:cNvPr id="295" name="Date Placeholder 3">
            <a:extLst>
              <a:ext uri="{FF2B5EF4-FFF2-40B4-BE49-F238E27FC236}">
                <a16:creationId xmlns:a16="http://schemas.microsoft.com/office/drawing/2014/main" id="{A28A91CD-1DE9-4D8C-95D1-C1C70CCB4E66}"/>
              </a:ext>
            </a:extLst>
          </p:cNvPr>
          <p:cNvSpPr>
            <a:spLocks noGrp="1"/>
          </p:cNvSpPr>
          <p:nvPr>
            <p:ph type="dt" sz="half" idx="10"/>
          </p:nvPr>
        </p:nvSpPr>
        <p:spPr>
          <a:xfrm>
            <a:off x="631825" y="7165952"/>
            <a:ext cx="832104" cy="200055"/>
          </a:xfrm>
        </p:spPr>
        <p:txBody>
          <a:bodyPr/>
          <a:lstStyle/>
          <a:p>
            <a:fld id="{2003B1D3-F118-4DC2-9C13-CFA16C6DBB7D}" type="datetime1">
              <a:rPr lang="en-GB" smtClean="0"/>
              <a:t>15/03/2025</a:t>
            </a:fld>
            <a:endParaRPr lang="en-GB"/>
          </a:p>
        </p:txBody>
      </p:sp>
      <p:sp>
        <p:nvSpPr>
          <p:cNvPr id="296" name="Footer Placeholder 4">
            <a:extLst>
              <a:ext uri="{FF2B5EF4-FFF2-40B4-BE49-F238E27FC236}">
                <a16:creationId xmlns:a16="http://schemas.microsoft.com/office/drawing/2014/main" id="{2424FC31-CE78-4C31-BB97-A80E82A56B02}"/>
              </a:ext>
            </a:extLst>
          </p:cNvPr>
          <p:cNvSpPr>
            <a:spLocks noGrp="1"/>
          </p:cNvSpPr>
          <p:nvPr>
            <p:ph type="ftr" sz="quarter" idx="11"/>
          </p:nvPr>
        </p:nvSpPr>
        <p:spPr>
          <a:xfrm>
            <a:off x="1562356" y="7165951"/>
            <a:ext cx="8694253" cy="200055"/>
          </a:xfrm>
        </p:spPr>
        <p:txBody>
          <a:bodyPr/>
          <a:lstStyle/>
          <a:p>
            <a:endParaRPr lang="en-GB"/>
          </a:p>
        </p:txBody>
      </p:sp>
      <p:sp>
        <p:nvSpPr>
          <p:cNvPr id="297" name="Slide Number Placeholder 5">
            <a:extLst>
              <a:ext uri="{FF2B5EF4-FFF2-40B4-BE49-F238E27FC236}">
                <a16:creationId xmlns:a16="http://schemas.microsoft.com/office/drawing/2014/main" id="{9E754D4A-8F07-48F1-ADC4-FCC25FA89E86}"/>
              </a:ext>
            </a:extLst>
          </p:cNvPr>
          <p:cNvSpPr>
            <a:spLocks noGrp="1"/>
          </p:cNvSpPr>
          <p:nvPr>
            <p:ph type="sldNum" sz="quarter" idx="12"/>
          </p:nvPr>
        </p:nvSpPr>
        <p:spPr>
          <a:xfrm>
            <a:off x="10355036" y="7165953"/>
            <a:ext cx="486000" cy="200055"/>
          </a:xfrm>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14761003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dia met afbeelding">
    <p:spTree>
      <p:nvGrpSpPr>
        <p:cNvPr id="1" name=""/>
        <p:cNvGrpSpPr/>
        <p:nvPr/>
      </p:nvGrpSpPr>
      <p:grpSpPr>
        <a:xfrm>
          <a:off x="0" y="0"/>
          <a:ext cx="0" cy="0"/>
          <a:chOff x="0" y="0"/>
          <a:chExt cx="0" cy="0"/>
        </a:xfrm>
      </p:grpSpPr>
      <p:sp>
        <p:nvSpPr>
          <p:cNvPr id="8" name="Vrije vorm: vorm 7">
            <a:extLst>
              <a:ext uri="{FF2B5EF4-FFF2-40B4-BE49-F238E27FC236}">
                <a16:creationId xmlns:a16="http://schemas.microsoft.com/office/drawing/2014/main" id="{AADCF178-FA9F-DD10-A47C-47697DC93834}"/>
              </a:ext>
            </a:extLst>
          </p:cNvPr>
          <p:cNvSpPr/>
          <p:nvPr userDrawn="1"/>
        </p:nvSpPr>
        <p:spPr>
          <a:xfrm>
            <a:off x="60" y="34"/>
            <a:ext cx="10354976" cy="6857967"/>
          </a:xfrm>
          <a:custGeom>
            <a:avLst/>
            <a:gdLst>
              <a:gd name="connsiteX0" fmla="*/ 9042170 w 10354976"/>
              <a:gd name="connsiteY0" fmla="*/ 6474347 h 6857967"/>
              <a:gd name="connsiteX1" fmla="*/ 9042170 w 10354976"/>
              <a:gd name="connsiteY1" fmla="*/ 6545648 h 6857967"/>
              <a:gd name="connsiteX2" fmla="*/ 9113471 w 10354976"/>
              <a:gd name="connsiteY2" fmla="*/ 6545648 h 6857967"/>
              <a:gd name="connsiteX3" fmla="*/ 9113471 w 10354976"/>
              <a:gd name="connsiteY3" fmla="*/ 6474347 h 6857967"/>
              <a:gd name="connsiteX4" fmla="*/ 8899568 w 10354976"/>
              <a:gd name="connsiteY4" fmla="*/ 6474347 h 6857967"/>
              <a:gd name="connsiteX5" fmla="*/ 8899568 w 10354976"/>
              <a:gd name="connsiteY5" fmla="*/ 6545648 h 6857967"/>
              <a:gd name="connsiteX6" fmla="*/ 8970869 w 10354976"/>
              <a:gd name="connsiteY6" fmla="*/ 6545648 h 6857967"/>
              <a:gd name="connsiteX7" fmla="*/ 8970869 w 10354976"/>
              <a:gd name="connsiteY7" fmla="*/ 6474347 h 6857967"/>
              <a:gd name="connsiteX8" fmla="*/ 8756896 w 10354976"/>
              <a:gd name="connsiteY8" fmla="*/ 6474347 h 6857967"/>
              <a:gd name="connsiteX9" fmla="*/ 8756896 w 10354976"/>
              <a:gd name="connsiteY9" fmla="*/ 6545648 h 6857967"/>
              <a:gd name="connsiteX10" fmla="*/ 8828196 w 10354976"/>
              <a:gd name="connsiteY10" fmla="*/ 6545648 h 6857967"/>
              <a:gd name="connsiteX11" fmla="*/ 8828196 w 10354976"/>
              <a:gd name="connsiteY11" fmla="*/ 6474347 h 6857967"/>
              <a:gd name="connsiteX12" fmla="*/ 8614223 w 10354976"/>
              <a:gd name="connsiteY12" fmla="*/ 6474347 h 6857967"/>
              <a:gd name="connsiteX13" fmla="*/ 8614223 w 10354976"/>
              <a:gd name="connsiteY13" fmla="*/ 6545648 h 6857967"/>
              <a:gd name="connsiteX14" fmla="*/ 8685524 w 10354976"/>
              <a:gd name="connsiteY14" fmla="*/ 6545648 h 6857967"/>
              <a:gd name="connsiteX15" fmla="*/ 8685524 w 10354976"/>
              <a:gd name="connsiteY15" fmla="*/ 6474347 h 6857967"/>
              <a:gd name="connsiteX16" fmla="*/ 8471622 w 10354976"/>
              <a:gd name="connsiteY16" fmla="*/ 6474347 h 6857967"/>
              <a:gd name="connsiteX17" fmla="*/ 8471622 w 10354976"/>
              <a:gd name="connsiteY17" fmla="*/ 6545648 h 6857967"/>
              <a:gd name="connsiteX18" fmla="*/ 8542923 w 10354976"/>
              <a:gd name="connsiteY18" fmla="*/ 6545648 h 6857967"/>
              <a:gd name="connsiteX19" fmla="*/ 8542923 w 10354976"/>
              <a:gd name="connsiteY19" fmla="*/ 6474347 h 6857967"/>
              <a:gd name="connsiteX20" fmla="*/ 8328949 w 10354976"/>
              <a:gd name="connsiteY20" fmla="*/ 6474347 h 6857967"/>
              <a:gd name="connsiteX21" fmla="*/ 8328949 w 10354976"/>
              <a:gd name="connsiteY21" fmla="*/ 6545648 h 6857967"/>
              <a:gd name="connsiteX22" fmla="*/ 8400250 w 10354976"/>
              <a:gd name="connsiteY22" fmla="*/ 6545648 h 6857967"/>
              <a:gd name="connsiteX23" fmla="*/ 8400250 w 10354976"/>
              <a:gd name="connsiteY23" fmla="*/ 6474347 h 6857967"/>
              <a:gd name="connsiteX24" fmla="*/ 8186348 w 10354976"/>
              <a:gd name="connsiteY24" fmla="*/ 6474347 h 6857967"/>
              <a:gd name="connsiteX25" fmla="*/ 8186348 w 10354976"/>
              <a:gd name="connsiteY25" fmla="*/ 6545648 h 6857967"/>
              <a:gd name="connsiteX26" fmla="*/ 8257649 w 10354976"/>
              <a:gd name="connsiteY26" fmla="*/ 6545648 h 6857967"/>
              <a:gd name="connsiteX27" fmla="*/ 8257649 w 10354976"/>
              <a:gd name="connsiteY27" fmla="*/ 6474347 h 6857967"/>
              <a:gd name="connsiteX28" fmla="*/ 8043675 w 10354976"/>
              <a:gd name="connsiteY28" fmla="*/ 6474347 h 6857967"/>
              <a:gd name="connsiteX29" fmla="*/ 8043675 w 10354976"/>
              <a:gd name="connsiteY29" fmla="*/ 6545648 h 6857967"/>
              <a:gd name="connsiteX30" fmla="*/ 8114976 w 10354976"/>
              <a:gd name="connsiteY30" fmla="*/ 6545648 h 6857967"/>
              <a:gd name="connsiteX31" fmla="*/ 8114976 w 10354976"/>
              <a:gd name="connsiteY31" fmla="*/ 6474347 h 6857967"/>
              <a:gd name="connsiteX32" fmla="*/ 7901003 w 10354976"/>
              <a:gd name="connsiteY32" fmla="*/ 6474347 h 6857967"/>
              <a:gd name="connsiteX33" fmla="*/ 7901003 w 10354976"/>
              <a:gd name="connsiteY33" fmla="*/ 6545648 h 6857967"/>
              <a:gd name="connsiteX34" fmla="*/ 7972304 w 10354976"/>
              <a:gd name="connsiteY34" fmla="*/ 6545648 h 6857967"/>
              <a:gd name="connsiteX35" fmla="*/ 7972304 w 10354976"/>
              <a:gd name="connsiteY35" fmla="*/ 6474347 h 6857967"/>
              <a:gd name="connsiteX36" fmla="*/ 7758401 w 10354976"/>
              <a:gd name="connsiteY36" fmla="*/ 6474347 h 6857967"/>
              <a:gd name="connsiteX37" fmla="*/ 7758401 w 10354976"/>
              <a:gd name="connsiteY37" fmla="*/ 6545648 h 6857967"/>
              <a:gd name="connsiteX38" fmla="*/ 7829702 w 10354976"/>
              <a:gd name="connsiteY38" fmla="*/ 6545648 h 6857967"/>
              <a:gd name="connsiteX39" fmla="*/ 7829702 w 10354976"/>
              <a:gd name="connsiteY39" fmla="*/ 6474347 h 6857967"/>
              <a:gd name="connsiteX40" fmla="*/ 7615728 w 10354976"/>
              <a:gd name="connsiteY40" fmla="*/ 6474347 h 6857967"/>
              <a:gd name="connsiteX41" fmla="*/ 7615728 w 10354976"/>
              <a:gd name="connsiteY41" fmla="*/ 6545648 h 6857967"/>
              <a:gd name="connsiteX42" fmla="*/ 7687029 w 10354976"/>
              <a:gd name="connsiteY42" fmla="*/ 6545648 h 6857967"/>
              <a:gd name="connsiteX43" fmla="*/ 7687029 w 10354976"/>
              <a:gd name="connsiteY43" fmla="*/ 6474347 h 6857967"/>
              <a:gd name="connsiteX44" fmla="*/ 7473127 w 10354976"/>
              <a:gd name="connsiteY44" fmla="*/ 6474347 h 6857967"/>
              <a:gd name="connsiteX45" fmla="*/ 7473127 w 10354976"/>
              <a:gd name="connsiteY45" fmla="*/ 6545648 h 6857967"/>
              <a:gd name="connsiteX46" fmla="*/ 7544428 w 10354976"/>
              <a:gd name="connsiteY46" fmla="*/ 6545648 h 6857967"/>
              <a:gd name="connsiteX47" fmla="*/ 7544428 w 10354976"/>
              <a:gd name="connsiteY47" fmla="*/ 6474347 h 6857967"/>
              <a:gd name="connsiteX48" fmla="*/ 7330454 w 10354976"/>
              <a:gd name="connsiteY48" fmla="*/ 6474347 h 6857967"/>
              <a:gd name="connsiteX49" fmla="*/ 7330454 w 10354976"/>
              <a:gd name="connsiteY49" fmla="*/ 6545648 h 6857967"/>
              <a:gd name="connsiteX50" fmla="*/ 7401755 w 10354976"/>
              <a:gd name="connsiteY50" fmla="*/ 6545648 h 6857967"/>
              <a:gd name="connsiteX51" fmla="*/ 7401755 w 10354976"/>
              <a:gd name="connsiteY51" fmla="*/ 6474347 h 6857967"/>
              <a:gd name="connsiteX52" fmla="*/ 7187853 w 10354976"/>
              <a:gd name="connsiteY52" fmla="*/ 6474347 h 6857967"/>
              <a:gd name="connsiteX53" fmla="*/ 7187853 w 10354976"/>
              <a:gd name="connsiteY53" fmla="*/ 6545648 h 6857967"/>
              <a:gd name="connsiteX54" fmla="*/ 7259154 w 10354976"/>
              <a:gd name="connsiteY54" fmla="*/ 6545648 h 6857967"/>
              <a:gd name="connsiteX55" fmla="*/ 7259154 w 10354976"/>
              <a:gd name="connsiteY55" fmla="*/ 6474347 h 6857967"/>
              <a:gd name="connsiteX56" fmla="*/ 7045180 w 10354976"/>
              <a:gd name="connsiteY56" fmla="*/ 6474347 h 6857967"/>
              <a:gd name="connsiteX57" fmla="*/ 7045180 w 10354976"/>
              <a:gd name="connsiteY57" fmla="*/ 6545648 h 6857967"/>
              <a:gd name="connsiteX58" fmla="*/ 7116481 w 10354976"/>
              <a:gd name="connsiteY58" fmla="*/ 6545648 h 6857967"/>
              <a:gd name="connsiteX59" fmla="*/ 7116481 w 10354976"/>
              <a:gd name="connsiteY59" fmla="*/ 6474347 h 6857967"/>
              <a:gd name="connsiteX60" fmla="*/ 6902579 w 10354976"/>
              <a:gd name="connsiteY60" fmla="*/ 6474347 h 6857967"/>
              <a:gd name="connsiteX61" fmla="*/ 6902579 w 10354976"/>
              <a:gd name="connsiteY61" fmla="*/ 6545648 h 6857967"/>
              <a:gd name="connsiteX62" fmla="*/ 6973880 w 10354976"/>
              <a:gd name="connsiteY62" fmla="*/ 6545648 h 6857967"/>
              <a:gd name="connsiteX63" fmla="*/ 6973880 w 10354976"/>
              <a:gd name="connsiteY63" fmla="*/ 6474347 h 6857967"/>
              <a:gd name="connsiteX64" fmla="*/ 6759906 w 10354976"/>
              <a:gd name="connsiteY64" fmla="*/ 6474347 h 6857967"/>
              <a:gd name="connsiteX65" fmla="*/ 6759906 w 10354976"/>
              <a:gd name="connsiteY65" fmla="*/ 6545648 h 6857967"/>
              <a:gd name="connsiteX66" fmla="*/ 6831207 w 10354976"/>
              <a:gd name="connsiteY66" fmla="*/ 6545648 h 6857967"/>
              <a:gd name="connsiteX67" fmla="*/ 6831207 w 10354976"/>
              <a:gd name="connsiteY67" fmla="*/ 6474347 h 6857967"/>
              <a:gd name="connsiteX68" fmla="*/ 6617234 w 10354976"/>
              <a:gd name="connsiteY68" fmla="*/ 6474347 h 6857967"/>
              <a:gd name="connsiteX69" fmla="*/ 6617234 w 10354976"/>
              <a:gd name="connsiteY69" fmla="*/ 6545648 h 6857967"/>
              <a:gd name="connsiteX70" fmla="*/ 6688535 w 10354976"/>
              <a:gd name="connsiteY70" fmla="*/ 6545648 h 6857967"/>
              <a:gd name="connsiteX71" fmla="*/ 6688535 w 10354976"/>
              <a:gd name="connsiteY71" fmla="*/ 6474347 h 6857967"/>
              <a:gd name="connsiteX72" fmla="*/ 6474632 w 10354976"/>
              <a:gd name="connsiteY72" fmla="*/ 6474347 h 6857967"/>
              <a:gd name="connsiteX73" fmla="*/ 6474632 w 10354976"/>
              <a:gd name="connsiteY73" fmla="*/ 6545648 h 6857967"/>
              <a:gd name="connsiteX74" fmla="*/ 6545933 w 10354976"/>
              <a:gd name="connsiteY74" fmla="*/ 6545648 h 6857967"/>
              <a:gd name="connsiteX75" fmla="*/ 6545933 w 10354976"/>
              <a:gd name="connsiteY75" fmla="*/ 6474347 h 6857967"/>
              <a:gd name="connsiteX76" fmla="*/ 6331959 w 10354976"/>
              <a:gd name="connsiteY76" fmla="*/ 6474347 h 6857967"/>
              <a:gd name="connsiteX77" fmla="*/ 6331959 w 10354976"/>
              <a:gd name="connsiteY77" fmla="*/ 6545648 h 6857967"/>
              <a:gd name="connsiteX78" fmla="*/ 6403260 w 10354976"/>
              <a:gd name="connsiteY78" fmla="*/ 6545648 h 6857967"/>
              <a:gd name="connsiteX79" fmla="*/ 6403260 w 10354976"/>
              <a:gd name="connsiteY79" fmla="*/ 6474347 h 6857967"/>
              <a:gd name="connsiteX80" fmla="*/ 6189358 w 10354976"/>
              <a:gd name="connsiteY80" fmla="*/ 6474347 h 6857967"/>
              <a:gd name="connsiteX81" fmla="*/ 6189358 w 10354976"/>
              <a:gd name="connsiteY81" fmla="*/ 6545648 h 6857967"/>
              <a:gd name="connsiteX82" fmla="*/ 6260659 w 10354976"/>
              <a:gd name="connsiteY82" fmla="*/ 6545648 h 6857967"/>
              <a:gd name="connsiteX83" fmla="*/ 6260659 w 10354976"/>
              <a:gd name="connsiteY83" fmla="*/ 6474347 h 6857967"/>
              <a:gd name="connsiteX84" fmla="*/ 6046689 w 10354976"/>
              <a:gd name="connsiteY84" fmla="*/ 6474347 h 6857967"/>
              <a:gd name="connsiteX85" fmla="*/ 6046689 w 10354976"/>
              <a:gd name="connsiteY85" fmla="*/ 6545648 h 6857967"/>
              <a:gd name="connsiteX86" fmla="*/ 6117986 w 10354976"/>
              <a:gd name="connsiteY86" fmla="*/ 6545648 h 6857967"/>
              <a:gd name="connsiteX87" fmla="*/ 6117986 w 10354976"/>
              <a:gd name="connsiteY87" fmla="*/ 6474347 h 6857967"/>
              <a:gd name="connsiteX88" fmla="*/ 5904023 w 10354976"/>
              <a:gd name="connsiteY88" fmla="*/ 6474347 h 6857967"/>
              <a:gd name="connsiteX89" fmla="*/ 5904023 w 10354976"/>
              <a:gd name="connsiteY89" fmla="*/ 6545648 h 6857967"/>
              <a:gd name="connsiteX90" fmla="*/ 5975319 w 10354976"/>
              <a:gd name="connsiteY90" fmla="*/ 6545648 h 6857967"/>
              <a:gd name="connsiteX91" fmla="*/ 5975319 w 10354976"/>
              <a:gd name="connsiteY91" fmla="*/ 6474347 h 6857967"/>
              <a:gd name="connsiteX92" fmla="*/ 5761426 w 10354976"/>
              <a:gd name="connsiteY92" fmla="*/ 6474347 h 6857967"/>
              <a:gd name="connsiteX93" fmla="*/ 5761426 w 10354976"/>
              <a:gd name="connsiteY93" fmla="*/ 6545648 h 6857967"/>
              <a:gd name="connsiteX94" fmla="*/ 5832724 w 10354976"/>
              <a:gd name="connsiteY94" fmla="*/ 6545648 h 6857967"/>
              <a:gd name="connsiteX95" fmla="*/ 5832724 w 10354976"/>
              <a:gd name="connsiteY95" fmla="*/ 6474347 h 6857967"/>
              <a:gd name="connsiteX96" fmla="*/ 5618761 w 10354976"/>
              <a:gd name="connsiteY96" fmla="*/ 6474347 h 6857967"/>
              <a:gd name="connsiteX97" fmla="*/ 5618761 w 10354976"/>
              <a:gd name="connsiteY97" fmla="*/ 6545648 h 6857967"/>
              <a:gd name="connsiteX98" fmla="*/ 5690059 w 10354976"/>
              <a:gd name="connsiteY98" fmla="*/ 6545648 h 6857967"/>
              <a:gd name="connsiteX99" fmla="*/ 5690059 w 10354976"/>
              <a:gd name="connsiteY99" fmla="*/ 6474347 h 6857967"/>
              <a:gd name="connsiteX100" fmla="*/ 5476167 w 10354976"/>
              <a:gd name="connsiteY100" fmla="*/ 6474347 h 6857967"/>
              <a:gd name="connsiteX101" fmla="*/ 5476167 w 10354976"/>
              <a:gd name="connsiteY101" fmla="*/ 6545648 h 6857967"/>
              <a:gd name="connsiteX102" fmla="*/ 5547463 w 10354976"/>
              <a:gd name="connsiteY102" fmla="*/ 6545648 h 6857967"/>
              <a:gd name="connsiteX103" fmla="*/ 5547463 w 10354976"/>
              <a:gd name="connsiteY103" fmla="*/ 6474347 h 6857967"/>
              <a:gd name="connsiteX104" fmla="*/ 5333500 w 10354976"/>
              <a:gd name="connsiteY104" fmla="*/ 6474347 h 6857967"/>
              <a:gd name="connsiteX105" fmla="*/ 5333500 w 10354976"/>
              <a:gd name="connsiteY105" fmla="*/ 6545648 h 6857967"/>
              <a:gd name="connsiteX106" fmla="*/ 5404799 w 10354976"/>
              <a:gd name="connsiteY106" fmla="*/ 6545648 h 6857967"/>
              <a:gd name="connsiteX107" fmla="*/ 5404799 w 10354976"/>
              <a:gd name="connsiteY107" fmla="*/ 6474347 h 6857967"/>
              <a:gd name="connsiteX108" fmla="*/ 5190877 w 10354976"/>
              <a:gd name="connsiteY108" fmla="*/ 6474347 h 6857967"/>
              <a:gd name="connsiteX109" fmla="*/ 5190877 w 10354976"/>
              <a:gd name="connsiteY109" fmla="*/ 6545648 h 6857967"/>
              <a:gd name="connsiteX110" fmla="*/ 5262188 w 10354976"/>
              <a:gd name="connsiteY110" fmla="*/ 6545648 h 6857967"/>
              <a:gd name="connsiteX111" fmla="*/ 5262188 w 10354976"/>
              <a:gd name="connsiteY111" fmla="*/ 6474347 h 6857967"/>
              <a:gd name="connsiteX112" fmla="*/ 5048236 w 10354976"/>
              <a:gd name="connsiteY112" fmla="*/ 6474347 h 6857967"/>
              <a:gd name="connsiteX113" fmla="*/ 5048236 w 10354976"/>
              <a:gd name="connsiteY113" fmla="*/ 6545648 h 6857967"/>
              <a:gd name="connsiteX114" fmla="*/ 5119528 w 10354976"/>
              <a:gd name="connsiteY114" fmla="*/ 6545648 h 6857967"/>
              <a:gd name="connsiteX115" fmla="*/ 5119528 w 10354976"/>
              <a:gd name="connsiteY115" fmla="*/ 6474347 h 6857967"/>
              <a:gd name="connsiteX116" fmla="*/ 4906607 w 10354976"/>
              <a:gd name="connsiteY116" fmla="*/ 6474347 h 6857967"/>
              <a:gd name="connsiteX117" fmla="*/ 4906607 w 10354976"/>
              <a:gd name="connsiteY117" fmla="*/ 6545648 h 6857967"/>
              <a:gd name="connsiteX118" fmla="*/ 4977916 w 10354976"/>
              <a:gd name="connsiteY118" fmla="*/ 6545648 h 6857967"/>
              <a:gd name="connsiteX119" fmla="*/ 4977916 w 10354976"/>
              <a:gd name="connsiteY119" fmla="*/ 6474347 h 6857967"/>
              <a:gd name="connsiteX120" fmla="*/ 4764013 w 10354976"/>
              <a:gd name="connsiteY120" fmla="*/ 6474347 h 6857967"/>
              <a:gd name="connsiteX121" fmla="*/ 4764013 w 10354976"/>
              <a:gd name="connsiteY121" fmla="*/ 6545648 h 6857967"/>
              <a:gd name="connsiteX122" fmla="*/ 4835311 w 10354976"/>
              <a:gd name="connsiteY122" fmla="*/ 6545648 h 6857967"/>
              <a:gd name="connsiteX123" fmla="*/ 4835311 w 10354976"/>
              <a:gd name="connsiteY123" fmla="*/ 6474347 h 6857967"/>
              <a:gd name="connsiteX124" fmla="*/ 4621342 w 10354976"/>
              <a:gd name="connsiteY124" fmla="*/ 6474347 h 6857967"/>
              <a:gd name="connsiteX125" fmla="*/ 4621342 w 10354976"/>
              <a:gd name="connsiteY125" fmla="*/ 6545648 h 6857967"/>
              <a:gd name="connsiteX126" fmla="*/ 4692639 w 10354976"/>
              <a:gd name="connsiteY126" fmla="*/ 6545648 h 6857967"/>
              <a:gd name="connsiteX127" fmla="*/ 4692639 w 10354976"/>
              <a:gd name="connsiteY127" fmla="*/ 6474347 h 6857967"/>
              <a:gd name="connsiteX128" fmla="*/ 4478666 w 10354976"/>
              <a:gd name="connsiteY128" fmla="*/ 6474347 h 6857967"/>
              <a:gd name="connsiteX129" fmla="*/ 4478666 w 10354976"/>
              <a:gd name="connsiteY129" fmla="*/ 6545648 h 6857967"/>
              <a:gd name="connsiteX130" fmla="*/ 4549969 w 10354976"/>
              <a:gd name="connsiteY130" fmla="*/ 6545648 h 6857967"/>
              <a:gd name="connsiteX131" fmla="*/ 4549969 w 10354976"/>
              <a:gd name="connsiteY131" fmla="*/ 6474347 h 6857967"/>
              <a:gd name="connsiteX132" fmla="*/ 4336061 w 10354976"/>
              <a:gd name="connsiteY132" fmla="*/ 6474347 h 6857967"/>
              <a:gd name="connsiteX133" fmla="*/ 4336061 w 10354976"/>
              <a:gd name="connsiteY133" fmla="*/ 6545648 h 6857967"/>
              <a:gd name="connsiteX134" fmla="*/ 4407362 w 10354976"/>
              <a:gd name="connsiteY134" fmla="*/ 6545648 h 6857967"/>
              <a:gd name="connsiteX135" fmla="*/ 4407362 w 10354976"/>
              <a:gd name="connsiteY135" fmla="*/ 6474347 h 6857967"/>
              <a:gd name="connsiteX136" fmla="*/ 4193412 w 10354976"/>
              <a:gd name="connsiteY136" fmla="*/ 6474347 h 6857967"/>
              <a:gd name="connsiteX137" fmla="*/ 4193412 w 10354976"/>
              <a:gd name="connsiteY137" fmla="*/ 6545648 h 6857967"/>
              <a:gd name="connsiteX138" fmla="*/ 4264695 w 10354976"/>
              <a:gd name="connsiteY138" fmla="*/ 6545648 h 6857967"/>
              <a:gd name="connsiteX139" fmla="*/ 4264695 w 10354976"/>
              <a:gd name="connsiteY139" fmla="*/ 6474347 h 6857967"/>
              <a:gd name="connsiteX140" fmla="*/ 4050809 w 10354976"/>
              <a:gd name="connsiteY140" fmla="*/ 6474347 h 6857967"/>
              <a:gd name="connsiteX141" fmla="*/ 4050809 w 10354976"/>
              <a:gd name="connsiteY141" fmla="*/ 6545648 h 6857967"/>
              <a:gd name="connsiteX142" fmla="*/ 4122113 w 10354976"/>
              <a:gd name="connsiteY142" fmla="*/ 6545648 h 6857967"/>
              <a:gd name="connsiteX143" fmla="*/ 4122113 w 10354976"/>
              <a:gd name="connsiteY143" fmla="*/ 6474347 h 6857967"/>
              <a:gd name="connsiteX144" fmla="*/ 3908136 w 10354976"/>
              <a:gd name="connsiteY144" fmla="*/ 6474347 h 6857967"/>
              <a:gd name="connsiteX145" fmla="*/ 3908136 w 10354976"/>
              <a:gd name="connsiteY145" fmla="*/ 6545648 h 6857967"/>
              <a:gd name="connsiteX146" fmla="*/ 3979438 w 10354976"/>
              <a:gd name="connsiteY146" fmla="*/ 6545648 h 6857967"/>
              <a:gd name="connsiteX147" fmla="*/ 3979438 w 10354976"/>
              <a:gd name="connsiteY147" fmla="*/ 6474347 h 6857967"/>
              <a:gd name="connsiteX148" fmla="*/ 3765462 w 10354976"/>
              <a:gd name="connsiteY148" fmla="*/ 6474347 h 6857967"/>
              <a:gd name="connsiteX149" fmla="*/ 3765462 w 10354976"/>
              <a:gd name="connsiteY149" fmla="*/ 6545648 h 6857967"/>
              <a:gd name="connsiteX150" fmla="*/ 3836763 w 10354976"/>
              <a:gd name="connsiteY150" fmla="*/ 6545648 h 6857967"/>
              <a:gd name="connsiteX151" fmla="*/ 3836763 w 10354976"/>
              <a:gd name="connsiteY151" fmla="*/ 6474347 h 6857967"/>
              <a:gd name="connsiteX152" fmla="*/ 3622851 w 10354976"/>
              <a:gd name="connsiteY152" fmla="*/ 6474347 h 6857967"/>
              <a:gd name="connsiteX153" fmla="*/ 3622851 w 10354976"/>
              <a:gd name="connsiteY153" fmla="*/ 6545648 h 6857967"/>
              <a:gd name="connsiteX154" fmla="*/ 3694151 w 10354976"/>
              <a:gd name="connsiteY154" fmla="*/ 6545648 h 6857967"/>
              <a:gd name="connsiteX155" fmla="*/ 3694151 w 10354976"/>
              <a:gd name="connsiteY155" fmla="*/ 6474347 h 6857967"/>
              <a:gd name="connsiteX156" fmla="*/ 3480203 w 10354976"/>
              <a:gd name="connsiteY156" fmla="*/ 6474347 h 6857967"/>
              <a:gd name="connsiteX157" fmla="*/ 3480203 w 10354976"/>
              <a:gd name="connsiteY157" fmla="*/ 6545648 h 6857967"/>
              <a:gd name="connsiteX158" fmla="*/ 3551509 w 10354976"/>
              <a:gd name="connsiteY158" fmla="*/ 6545648 h 6857967"/>
              <a:gd name="connsiteX159" fmla="*/ 3551509 w 10354976"/>
              <a:gd name="connsiteY159" fmla="*/ 6474347 h 6857967"/>
              <a:gd name="connsiteX160" fmla="*/ 3337579 w 10354976"/>
              <a:gd name="connsiteY160" fmla="*/ 6474347 h 6857967"/>
              <a:gd name="connsiteX161" fmla="*/ 3337579 w 10354976"/>
              <a:gd name="connsiteY161" fmla="*/ 6545648 h 6857967"/>
              <a:gd name="connsiteX162" fmla="*/ 3408880 w 10354976"/>
              <a:gd name="connsiteY162" fmla="*/ 6545648 h 6857967"/>
              <a:gd name="connsiteX163" fmla="*/ 3408880 w 10354976"/>
              <a:gd name="connsiteY163" fmla="*/ 6474347 h 6857967"/>
              <a:gd name="connsiteX164" fmla="*/ 3194905 w 10354976"/>
              <a:gd name="connsiteY164" fmla="*/ 6474347 h 6857967"/>
              <a:gd name="connsiteX165" fmla="*/ 3194905 w 10354976"/>
              <a:gd name="connsiteY165" fmla="*/ 6545648 h 6857967"/>
              <a:gd name="connsiteX166" fmla="*/ 3266206 w 10354976"/>
              <a:gd name="connsiteY166" fmla="*/ 6545648 h 6857967"/>
              <a:gd name="connsiteX167" fmla="*/ 3266206 w 10354976"/>
              <a:gd name="connsiteY167" fmla="*/ 6474347 h 6857967"/>
              <a:gd name="connsiteX168" fmla="*/ 3052304 w 10354976"/>
              <a:gd name="connsiteY168" fmla="*/ 6474347 h 6857967"/>
              <a:gd name="connsiteX169" fmla="*/ 3052304 w 10354976"/>
              <a:gd name="connsiteY169" fmla="*/ 6545648 h 6857967"/>
              <a:gd name="connsiteX170" fmla="*/ 3123606 w 10354976"/>
              <a:gd name="connsiteY170" fmla="*/ 6545648 h 6857967"/>
              <a:gd name="connsiteX171" fmla="*/ 3123606 w 10354976"/>
              <a:gd name="connsiteY171" fmla="*/ 6474347 h 6857967"/>
              <a:gd name="connsiteX172" fmla="*/ 2909633 w 10354976"/>
              <a:gd name="connsiteY172" fmla="*/ 6474347 h 6857967"/>
              <a:gd name="connsiteX173" fmla="*/ 2909633 w 10354976"/>
              <a:gd name="connsiteY173" fmla="*/ 6545648 h 6857967"/>
              <a:gd name="connsiteX174" fmla="*/ 2980934 w 10354976"/>
              <a:gd name="connsiteY174" fmla="*/ 6545648 h 6857967"/>
              <a:gd name="connsiteX175" fmla="*/ 2980934 w 10354976"/>
              <a:gd name="connsiteY175" fmla="*/ 6474347 h 6857967"/>
              <a:gd name="connsiteX176" fmla="*/ 2767033 w 10354976"/>
              <a:gd name="connsiteY176" fmla="*/ 6474347 h 6857967"/>
              <a:gd name="connsiteX177" fmla="*/ 2767033 w 10354976"/>
              <a:gd name="connsiteY177" fmla="*/ 6545648 h 6857967"/>
              <a:gd name="connsiteX178" fmla="*/ 2838334 w 10354976"/>
              <a:gd name="connsiteY178" fmla="*/ 6545648 h 6857967"/>
              <a:gd name="connsiteX179" fmla="*/ 2838334 w 10354976"/>
              <a:gd name="connsiteY179" fmla="*/ 6474347 h 6857967"/>
              <a:gd name="connsiteX180" fmla="*/ 2624360 w 10354976"/>
              <a:gd name="connsiteY180" fmla="*/ 6474347 h 6857967"/>
              <a:gd name="connsiteX181" fmla="*/ 2624360 w 10354976"/>
              <a:gd name="connsiteY181" fmla="*/ 6545648 h 6857967"/>
              <a:gd name="connsiteX182" fmla="*/ 2695661 w 10354976"/>
              <a:gd name="connsiteY182" fmla="*/ 6545648 h 6857967"/>
              <a:gd name="connsiteX183" fmla="*/ 2695661 w 10354976"/>
              <a:gd name="connsiteY183" fmla="*/ 6474347 h 6857967"/>
              <a:gd name="connsiteX184" fmla="*/ 2481690 w 10354976"/>
              <a:gd name="connsiteY184" fmla="*/ 6474347 h 6857967"/>
              <a:gd name="connsiteX185" fmla="*/ 2481690 w 10354976"/>
              <a:gd name="connsiteY185" fmla="*/ 6545648 h 6857967"/>
              <a:gd name="connsiteX186" fmla="*/ 2552990 w 10354976"/>
              <a:gd name="connsiteY186" fmla="*/ 6545648 h 6857967"/>
              <a:gd name="connsiteX187" fmla="*/ 2552990 w 10354976"/>
              <a:gd name="connsiteY187" fmla="*/ 6474347 h 6857967"/>
              <a:gd name="connsiteX188" fmla="*/ 2339090 w 10354976"/>
              <a:gd name="connsiteY188" fmla="*/ 6474347 h 6857967"/>
              <a:gd name="connsiteX189" fmla="*/ 2339090 w 10354976"/>
              <a:gd name="connsiteY189" fmla="*/ 6545648 h 6857967"/>
              <a:gd name="connsiteX190" fmla="*/ 2410390 w 10354976"/>
              <a:gd name="connsiteY190" fmla="*/ 6545648 h 6857967"/>
              <a:gd name="connsiteX191" fmla="*/ 2410390 w 10354976"/>
              <a:gd name="connsiteY191" fmla="*/ 6474347 h 6857967"/>
              <a:gd name="connsiteX192" fmla="*/ 2196420 w 10354976"/>
              <a:gd name="connsiteY192" fmla="*/ 6474347 h 6857967"/>
              <a:gd name="connsiteX193" fmla="*/ 2196420 w 10354976"/>
              <a:gd name="connsiteY193" fmla="*/ 6545648 h 6857967"/>
              <a:gd name="connsiteX194" fmla="*/ 2267720 w 10354976"/>
              <a:gd name="connsiteY194" fmla="*/ 6545648 h 6857967"/>
              <a:gd name="connsiteX195" fmla="*/ 2267720 w 10354976"/>
              <a:gd name="connsiteY195" fmla="*/ 6474347 h 6857967"/>
              <a:gd name="connsiteX196" fmla="*/ 2053813 w 10354976"/>
              <a:gd name="connsiteY196" fmla="*/ 6474347 h 6857967"/>
              <a:gd name="connsiteX197" fmla="*/ 2053813 w 10354976"/>
              <a:gd name="connsiteY197" fmla="*/ 6545648 h 6857967"/>
              <a:gd name="connsiteX198" fmla="*/ 2125117 w 10354976"/>
              <a:gd name="connsiteY198" fmla="*/ 6545648 h 6857967"/>
              <a:gd name="connsiteX199" fmla="*/ 2125117 w 10354976"/>
              <a:gd name="connsiteY199" fmla="*/ 6474347 h 6857967"/>
              <a:gd name="connsiteX200" fmla="*/ 1911141 w 10354976"/>
              <a:gd name="connsiteY200" fmla="*/ 6474347 h 6857967"/>
              <a:gd name="connsiteX201" fmla="*/ 1911141 w 10354976"/>
              <a:gd name="connsiteY201" fmla="*/ 6545648 h 6857967"/>
              <a:gd name="connsiteX202" fmla="*/ 1982442 w 10354976"/>
              <a:gd name="connsiteY202" fmla="*/ 6545648 h 6857967"/>
              <a:gd name="connsiteX203" fmla="*/ 1982442 w 10354976"/>
              <a:gd name="connsiteY203" fmla="*/ 6474347 h 6857967"/>
              <a:gd name="connsiteX204" fmla="*/ 1768470 w 10354976"/>
              <a:gd name="connsiteY204" fmla="*/ 6474347 h 6857967"/>
              <a:gd name="connsiteX205" fmla="*/ 1768470 w 10354976"/>
              <a:gd name="connsiteY205" fmla="*/ 6545648 h 6857967"/>
              <a:gd name="connsiteX206" fmla="*/ 1839771 w 10354976"/>
              <a:gd name="connsiteY206" fmla="*/ 6545648 h 6857967"/>
              <a:gd name="connsiteX207" fmla="*/ 1839771 w 10354976"/>
              <a:gd name="connsiteY207" fmla="*/ 6474347 h 6857967"/>
              <a:gd name="connsiteX208" fmla="*/ 1625870 w 10354976"/>
              <a:gd name="connsiteY208" fmla="*/ 6474347 h 6857967"/>
              <a:gd name="connsiteX209" fmla="*/ 1625870 w 10354976"/>
              <a:gd name="connsiteY209" fmla="*/ 6545648 h 6857967"/>
              <a:gd name="connsiteX210" fmla="*/ 1697170 w 10354976"/>
              <a:gd name="connsiteY210" fmla="*/ 6545648 h 6857967"/>
              <a:gd name="connsiteX211" fmla="*/ 1697170 w 10354976"/>
              <a:gd name="connsiteY211" fmla="*/ 6474347 h 6857967"/>
              <a:gd name="connsiteX212" fmla="*/ 1483199 w 10354976"/>
              <a:gd name="connsiteY212" fmla="*/ 6474347 h 6857967"/>
              <a:gd name="connsiteX213" fmla="*/ 1483199 w 10354976"/>
              <a:gd name="connsiteY213" fmla="*/ 6545648 h 6857967"/>
              <a:gd name="connsiteX214" fmla="*/ 1554500 w 10354976"/>
              <a:gd name="connsiteY214" fmla="*/ 6545648 h 6857967"/>
              <a:gd name="connsiteX215" fmla="*/ 1554500 w 10354976"/>
              <a:gd name="connsiteY215" fmla="*/ 6474347 h 6857967"/>
              <a:gd name="connsiteX216" fmla="*/ 1340599 w 10354976"/>
              <a:gd name="connsiteY216" fmla="*/ 6474347 h 6857967"/>
              <a:gd name="connsiteX217" fmla="*/ 1340599 w 10354976"/>
              <a:gd name="connsiteY217" fmla="*/ 6545648 h 6857967"/>
              <a:gd name="connsiteX218" fmla="*/ 1411899 w 10354976"/>
              <a:gd name="connsiteY218" fmla="*/ 6545648 h 6857967"/>
              <a:gd name="connsiteX219" fmla="*/ 1411899 w 10354976"/>
              <a:gd name="connsiteY219" fmla="*/ 6474347 h 6857967"/>
              <a:gd name="connsiteX220" fmla="*/ 1197929 w 10354976"/>
              <a:gd name="connsiteY220" fmla="*/ 6474347 h 6857967"/>
              <a:gd name="connsiteX221" fmla="*/ 1197929 w 10354976"/>
              <a:gd name="connsiteY221" fmla="*/ 6545648 h 6857967"/>
              <a:gd name="connsiteX222" fmla="*/ 1269230 w 10354976"/>
              <a:gd name="connsiteY222" fmla="*/ 6545648 h 6857967"/>
              <a:gd name="connsiteX223" fmla="*/ 1269230 w 10354976"/>
              <a:gd name="connsiteY223" fmla="*/ 6474347 h 6857967"/>
              <a:gd name="connsiteX224" fmla="*/ 1055311 w 10354976"/>
              <a:gd name="connsiteY224" fmla="*/ 6474347 h 6857967"/>
              <a:gd name="connsiteX225" fmla="*/ 1055311 w 10354976"/>
              <a:gd name="connsiteY225" fmla="*/ 6545648 h 6857967"/>
              <a:gd name="connsiteX226" fmla="*/ 1126612 w 10354976"/>
              <a:gd name="connsiteY226" fmla="*/ 6545648 h 6857967"/>
              <a:gd name="connsiteX227" fmla="*/ 1126612 w 10354976"/>
              <a:gd name="connsiteY227" fmla="*/ 6474347 h 6857967"/>
              <a:gd name="connsiteX228" fmla="*/ 912657 w 10354976"/>
              <a:gd name="connsiteY228" fmla="*/ 6474347 h 6857967"/>
              <a:gd name="connsiteX229" fmla="*/ 912657 w 10354976"/>
              <a:gd name="connsiteY229" fmla="*/ 6545648 h 6857967"/>
              <a:gd name="connsiteX230" fmla="*/ 983958 w 10354976"/>
              <a:gd name="connsiteY230" fmla="*/ 6545648 h 6857967"/>
              <a:gd name="connsiteX231" fmla="*/ 983958 w 10354976"/>
              <a:gd name="connsiteY231" fmla="*/ 6474347 h 6857967"/>
              <a:gd name="connsiteX232" fmla="*/ 771135 w 10354976"/>
              <a:gd name="connsiteY232" fmla="*/ 6474347 h 6857967"/>
              <a:gd name="connsiteX233" fmla="*/ 771135 w 10354976"/>
              <a:gd name="connsiteY233" fmla="*/ 6545648 h 6857967"/>
              <a:gd name="connsiteX234" fmla="*/ 842436 w 10354976"/>
              <a:gd name="connsiteY234" fmla="*/ 6545648 h 6857967"/>
              <a:gd name="connsiteX235" fmla="*/ 842436 w 10354976"/>
              <a:gd name="connsiteY235" fmla="*/ 6474347 h 6857967"/>
              <a:gd name="connsiteX236" fmla="*/ 628534 w 10354976"/>
              <a:gd name="connsiteY236" fmla="*/ 6474347 h 6857967"/>
              <a:gd name="connsiteX237" fmla="*/ 628534 w 10354976"/>
              <a:gd name="connsiteY237" fmla="*/ 6545648 h 6857967"/>
              <a:gd name="connsiteX238" fmla="*/ 699835 w 10354976"/>
              <a:gd name="connsiteY238" fmla="*/ 6545648 h 6857967"/>
              <a:gd name="connsiteX239" fmla="*/ 699835 w 10354976"/>
              <a:gd name="connsiteY239" fmla="*/ 6474347 h 6857967"/>
              <a:gd name="connsiteX240" fmla="*/ 485863 w 10354976"/>
              <a:gd name="connsiteY240" fmla="*/ 6474347 h 6857967"/>
              <a:gd name="connsiteX241" fmla="*/ 485863 w 10354976"/>
              <a:gd name="connsiteY241" fmla="*/ 6545648 h 6857967"/>
              <a:gd name="connsiteX242" fmla="*/ 557163 w 10354976"/>
              <a:gd name="connsiteY242" fmla="*/ 6545648 h 6857967"/>
              <a:gd name="connsiteX243" fmla="*/ 557163 w 10354976"/>
              <a:gd name="connsiteY243" fmla="*/ 6474347 h 6857967"/>
              <a:gd name="connsiteX244" fmla="*/ 343191 w 10354976"/>
              <a:gd name="connsiteY244" fmla="*/ 6474347 h 6857967"/>
              <a:gd name="connsiteX245" fmla="*/ 343191 w 10354976"/>
              <a:gd name="connsiteY245" fmla="*/ 6545648 h 6857967"/>
              <a:gd name="connsiteX246" fmla="*/ 414492 w 10354976"/>
              <a:gd name="connsiteY246" fmla="*/ 6545648 h 6857967"/>
              <a:gd name="connsiteX247" fmla="*/ 414492 w 10354976"/>
              <a:gd name="connsiteY247" fmla="*/ 6474347 h 6857967"/>
              <a:gd name="connsiteX248" fmla="*/ 200587 w 10354976"/>
              <a:gd name="connsiteY248" fmla="*/ 6474347 h 6857967"/>
              <a:gd name="connsiteX249" fmla="*/ 200587 w 10354976"/>
              <a:gd name="connsiteY249" fmla="*/ 6545648 h 6857967"/>
              <a:gd name="connsiteX250" fmla="*/ 271888 w 10354976"/>
              <a:gd name="connsiteY250" fmla="*/ 6545648 h 6857967"/>
              <a:gd name="connsiteX251" fmla="*/ 271888 w 10354976"/>
              <a:gd name="connsiteY251" fmla="*/ 6474347 h 6857967"/>
              <a:gd name="connsiteX252" fmla="*/ 57918 w 10354976"/>
              <a:gd name="connsiteY252" fmla="*/ 6474347 h 6857967"/>
              <a:gd name="connsiteX253" fmla="*/ 57918 w 10354976"/>
              <a:gd name="connsiteY253" fmla="*/ 6545648 h 6857967"/>
              <a:gd name="connsiteX254" fmla="*/ 129219 w 10354976"/>
              <a:gd name="connsiteY254" fmla="*/ 6545648 h 6857967"/>
              <a:gd name="connsiteX255" fmla="*/ 129219 w 10354976"/>
              <a:gd name="connsiteY255" fmla="*/ 6474347 h 6857967"/>
              <a:gd name="connsiteX256" fmla="*/ 10040665 w 10354976"/>
              <a:gd name="connsiteY256" fmla="*/ 6325709 h 6857967"/>
              <a:gd name="connsiteX257" fmla="*/ 10040665 w 10354976"/>
              <a:gd name="connsiteY257" fmla="*/ 6397010 h 6857967"/>
              <a:gd name="connsiteX258" fmla="*/ 10111966 w 10354976"/>
              <a:gd name="connsiteY258" fmla="*/ 6397010 h 6857967"/>
              <a:gd name="connsiteX259" fmla="*/ 10111966 w 10354976"/>
              <a:gd name="connsiteY259" fmla="*/ 6325709 h 6857967"/>
              <a:gd name="connsiteX260" fmla="*/ 9898063 w 10354976"/>
              <a:gd name="connsiteY260" fmla="*/ 6325709 h 6857967"/>
              <a:gd name="connsiteX261" fmla="*/ 9898063 w 10354976"/>
              <a:gd name="connsiteY261" fmla="*/ 6397010 h 6857967"/>
              <a:gd name="connsiteX262" fmla="*/ 9969363 w 10354976"/>
              <a:gd name="connsiteY262" fmla="*/ 6397010 h 6857967"/>
              <a:gd name="connsiteX263" fmla="*/ 9969363 w 10354976"/>
              <a:gd name="connsiteY263" fmla="*/ 6325709 h 6857967"/>
              <a:gd name="connsiteX264" fmla="*/ 9755391 w 10354976"/>
              <a:gd name="connsiteY264" fmla="*/ 6325709 h 6857967"/>
              <a:gd name="connsiteX265" fmla="*/ 9755391 w 10354976"/>
              <a:gd name="connsiteY265" fmla="*/ 6397010 h 6857967"/>
              <a:gd name="connsiteX266" fmla="*/ 9826692 w 10354976"/>
              <a:gd name="connsiteY266" fmla="*/ 6397010 h 6857967"/>
              <a:gd name="connsiteX267" fmla="*/ 9826692 w 10354976"/>
              <a:gd name="connsiteY267" fmla="*/ 6325709 h 6857967"/>
              <a:gd name="connsiteX268" fmla="*/ 9612718 w 10354976"/>
              <a:gd name="connsiteY268" fmla="*/ 6325709 h 6857967"/>
              <a:gd name="connsiteX269" fmla="*/ 9612718 w 10354976"/>
              <a:gd name="connsiteY269" fmla="*/ 6397010 h 6857967"/>
              <a:gd name="connsiteX270" fmla="*/ 9684019 w 10354976"/>
              <a:gd name="connsiteY270" fmla="*/ 6397010 h 6857967"/>
              <a:gd name="connsiteX271" fmla="*/ 9684019 w 10354976"/>
              <a:gd name="connsiteY271" fmla="*/ 6325709 h 6857967"/>
              <a:gd name="connsiteX272" fmla="*/ 9470117 w 10354976"/>
              <a:gd name="connsiteY272" fmla="*/ 6325709 h 6857967"/>
              <a:gd name="connsiteX273" fmla="*/ 9470117 w 10354976"/>
              <a:gd name="connsiteY273" fmla="*/ 6397010 h 6857967"/>
              <a:gd name="connsiteX274" fmla="*/ 9541417 w 10354976"/>
              <a:gd name="connsiteY274" fmla="*/ 6397010 h 6857967"/>
              <a:gd name="connsiteX275" fmla="*/ 9541417 w 10354976"/>
              <a:gd name="connsiteY275" fmla="*/ 6325709 h 6857967"/>
              <a:gd name="connsiteX276" fmla="*/ 9327444 w 10354976"/>
              <a:gd name="connsiteY276" fmla="*/ 6325709 h 6857967"/>
              <a:gd name="connsiteX277" fmla="*/ 9327444 w 10354976"/>
              <a:gd name="connsiteY277" fmla="*/ 6397010 h 6857967"/>
              <a:gd name="connsiteX278" fmla="*/ 9398745 w 10354976"/>
              <a:gd name="connsiteY278" fmla="*/ 6397010 h 6857967"/>
              <a:gd name="connsiteX279" fmla="*/ 9398745 w 10354976"/>
              <a:gd name="connsiteY279" fmla="*/ 6325709 h 6857967"/>
              <a:gd name="connsiteX280" fmla="*/ 9184842 w 10354976"/>
              <a:gd name="connsiteY280" fmla="*/ 6325709 h 6857967"/>
              <a:gd name="connsiteX281" fmla="*/ 9184842 w 10354976"/>
              <a:gd name="connsiteY281" fmla="*/ 6397010 h 6857967"/>
              <a:gd name="connsiteX282" fmla="*/ 9256143 w 10354976"/>
              <a:gd name="connsiteY282" fmla="*/ 6397010 h 6857967"/>
              <a:gd name="connsiteX283" fmla="*/ 9256143 w 10354976"/>
              <a:gd name="connsiteY283" fmla="*/ 6325709 h 6857967"/>
              <a:gd name="connsiteX284" fmla="*/ 9042170 w 10354976"/>
              <a:gd name="connsiteY284" fmla="*/ 6325709 h 6857967"/>
              <a:gd name="connsiteX285" fmla="*/ 9042170 w 10354976"/>
              <a:gd name="connsiteY285" fmla="*/ 6397010 h 6857967"/>
              <a:gd name="connsiteX286" fmla="*/ 9113471 w 10354976"/>
              <a:gd name="connsiteY286" fmla="*/ 6397010 h 6857967"/>
              <a:gd name="connsiteX287" fmla="*/ 9113471 w 10354976"/>
              <a:gd name="connsiteY287" fmla="*/ 6325709 h 6857967"/>
              <a:gd name="connsiteX288" fmla="*/ 8899568 w 10354976"/>
              <a:gd name="connsiteY288" fmla="*/ 6325709 h 6857967"/>
              <a:gd name="connsiteX289" fmla="*/ 8899568 w 10354976"/>
              <a:gd name="connsiteY289" fmla="*/ 6397010 h 6857967"/>
              <a:gd name="connsiteX290" fmla="*/ 8970869 w 10354976"/>
              <a:gd name="connsiteY290" fmla="*/ 6397010 h 6857967"/>
              <a:gd name="connsiteX291" fmla="*/ 8970869 w 10354976"/>
              <a:gd name="connsiteY291" fmla="*/ 6325709 h 6857967"/>
              <a:gd name="connsiteX292" fmla="*/ 8756896 w 10354976"/>
              <a:gd name="connsiteY292" fmla="*/ 6325709 h 6857967"/>
              <a:gd name="connsiteX293" fmla="*/ 8756896 w 10354976"/>
              <a:gd name="connsiteY293" fmla="*/ 6397010 h 6857967"/>
              <a:gd name="connsiteX294" fmla="*/ 8828196 w 10354976"/>
              <a:gd name="connsiteY294" fmla="*/ 6397010 h 6857967"/>
              <a:gd name="connsiteX295" fmla="*/ 8828196 w 10354976"/>
              <a:gd name="connsiteY295" fmla="*/ 6325709 h 6857967"/>
              <a:gd name="connsiteX296" fmla="*/ 8614223 w 10354976"/>
              <a:gd name="connsiteY296" fmla="*/ 6325709 h 6857967"/>
              <a:gd name="connsiteX297" fmla="*/ 8614223 w 10354976"/>
              <a:gd name="connsiteY297" fmla="*/ 6397010 h 6857967"/>
              <a:gd name="connsiteX298" fmla="*/ 8685524 w 10354976"/>
              <a:gd name="connsiteY298" fmla="*/ 6397010 h 6857967"/>
              <a:gd name="connsiteX299" fmla="*/ 8685524 w 10354976"/>
              <a:gd name="connsiteY299" fmla="*/ 6325709 h 6857967"/>
              <a:gd name="connsiteX300" fmla="*/ 8471622 w 10354976"/>
              <a:gd name="connsiteY300" fmla="*/ 6325709 h 6857967"/>
              <a:gd name="connsiteX301" fmla="*/ 8471622 w 10354976"/>
              <a:gd name="connsiteY301" fmla="*/ 6397010 h 6857967"/>
              <a:gd name="connsiteX302" fmla="*/ 8542923 w 10354976"/>
              <a:gd name="connsiteY302" fmla="*/ 6397010 h 6857967"/>
              <a:gd name="connsiteX303" fmla="*/ 8542923 w 10354976"/>
              <a:gd name="connsiteY303" fmla="*/ 6325709 h 6857967"/>
              <a:gd name="connsiteX304" fmla="*/ 8328949 w 10354976"/>
              <a:gd name="connsiteY304" fmla="*/ 6325709 h 6857967"/>
              <a:gd name="connsiteX305" fmla="*/ 8328949 w 10354976"/>
              <a:gd name="connsiteY305" fmla="*/ 6397010 h 6857967"/>
              <a:gd name="connsiteX306" fmla="*/ 8400250 w 10354976"/>
              <a:gd name="connsiteY306" fmla="*/ 6397010 h 6857967"/>
              <a:gd name="connsiteX307" fmla="*/ 8400250 w 10354976"/>
              <a:gd name="connsiteY307" fmla="*/ 6325709 h 6857967"/>
              <a:gd name="connsiteX308" fmla="*/ 8186348 w 10354976"/>
              <a:gd name="connsiteY308" fmla="*/ 6325709 h 6857967"/>
              <a:gd name="connsiteX309" fmla="*/ 8186348 w 10354976"/>
              <a:gd name="connsiteY309" fmla="*/ 6397010 h 6857967"/>
              <a:gd name="connsiteX310" fmla="*/ 8257649 w 10354976"/>
              <a:gd name="connsiteY310" fmla="*/ 6397010 h 6857967"/>
              <a:gd name="connsiteX311" fmla="*/ 8257649 w 10354976"/>
              <a:gd name="connsiteY311" fmla="*/ 6325709 h 6857967"/>
              <a:gd name="connsiteX312" fmla="*/ 8043675 w 10354976"/>
              <a:gd name="connsiteY312" fmla="*/ 6325709 h 6857967"/>
              <a:gd name="connsiteX313" fmla="*/ 8043675 w 10354976"/>
              <a:gd name="connsiteY313" fmla="*/ 6397010 h 6857967"/>
              <a:gd name="connsiteX314" fmla="*/ 8114976 w 10354976"/>
              <a:gd name="connsiteY314" fmla="*/ 6397010 h 6857967"/>
              <a:gd name="connsiteX315" fmla="*/ 8114976 w 10354976"/>
              <a:gd name="connsiteY315" fmla="*/ 6325709 h 6857967"/>
              <a:gd name="connsiteX316" fmla="*/ 7901003 w 10354976"/>
              <a:gd name="connsiteY316" fmla="*/ 6325709 h 6857967"/>
              <a:gd name="connsiteX317" fmla="*/ 7901003 w 10354976"/>
              <a:gd name="connsiteY317" fmla="*/ 6397010 h 6857967"/>
              <a:gd name="connsiteX318" fmla="*/ 7972304 w 10354976"/>
              <a:gd name="connsiteY318" fmla="*/ 6397010 h 6857967"/>
              <a:gd name="connsiteX319" fmla="*/ 7972304 w 10354976"/>
              <a:gd name="connsiteY319" fmla="*/ 6325709 h 6857967"/>
              <a:gd name="connsiteX320" fmla="*/ 7758401 w 10354976"/>
              <a:gd name="connsiteY320" fmla="*/ 6325709 h 6857967"/>
              <a:gd name="connsiteX321" fmla="*/ 7758401 w 10354976"/>
              <a:gd name="connsiteY321" fmla="*/ 6397010 h 6857967"/>
              <a:gd name="connsiteX322" fmla="*/ 7829702 w 10354976"/>
              <a:gd name="connsiteY322" fmla="*/ 6397010 h 6857967"/>
              <a:gd name="connsiteX323" fmla="*/ 7829702 w 10354976"/>
              <a:gd name="connsiteY323" fmla="*/ 6325709 h 6857967"/>
              <a:gd name="connsiteX324" fmla="*/ 7615728 w 10354976"/>
              <a:gd name="connsiteY324" fmla="*/ 6325709 h 6857967"/>
              <a:gd name="connsiteX325" fmla="*/ 7615728 w 10354976"/>
              <a:gd name="connsiteY325" fmla="*/ 6397010 h 6857967"/>
              <a:gd name="connsiteX326" fmla="*/ 7687029 w 10354976"/>
              <a:gd name="connsiteY326" fmla="*/ 6397010 h 6857967"/>
              <a:gd name="connsiteX327" fmla="*/ 7687029 w 10354976"/>
              <a:gd name="connsiteY327" fmla="*/ 6325709 h 6857967"/>
              <a:gd name="connsiteX328" fmla="*/ 7473127 w 10354976"/>
              <a:gd name="connsiteY328" fmla="*/ 6325709 h 6857967"/>
              <a:gd name="connsiteX329" fmla="*/ 7473127 w 10354976"/>
              <a:gd name="connsiteY329" fmla="*/ 6397010 h 6857967"/>
              <a:gd name="connsiteX330" fmla="*/ 7544428 w 10354976"/>
              <a:gd name="connsiteY330" fmla="*/ 6397010 h 6857967"/>
              <a:gd name="connsiteX331" fmla="*/ 7544428 w 10354976"/>
              <a:gd name="connsiteY331" fmla="*/ 6325709 h 6857967"/>
              <a:gd name="connsiteX332" fmla="*/ 7330454 w 10354976"/>
              <a:gd name="connsiteY332" fmla="*/ 6325709 h 6857967"/>
              <a:gd name="connsiteX333" fmla="*/ 7330454 w 10354976"/>
              <a:gd name="connsiteY333" fmla="*/ 6397010 h 6857967"/>
              <a:gd name="connsiteX334" fmla="*/ 7401755 w 10354976"/>
              <a:gd name="connsiteY334" fmla="*/ 6397010 h 6857967"/>
              <a:gd name="connsiteX335" fmla="*/ 7401755 w 10354976"/>
              <a:gd name="connsiteY335" fmla="*/ 6325709 h 6857967"/>
              <a:gd name="connsiteX336" fmla="*/ 7187853 w 10354976"/>
              <a:gd name="connsiteY336" fmla="*/ 6325709 h 6857967"/>
              <a:gd name="connsiteX337" fmla="*/ 7187853 w 10354976"/>
              <a:gd name="connsiteY337" fmla="*/ 6397010 h 6857967"/>
              <a:gd name="connsiteX338" fmla="*/ 7259154 w 10354976"/>
              <a:gd name="connsiteY338" fmla="*/ 6397010 h 6857967"/>
              <a:gd name="connsiteX339" fmla="*/ 7259154 w 10354976"/>
              <a:gd name="connsiteY339" fmla="*/ 6325709 h 6857967"/>
              <a:gd name="connsiteX340" fmla="*/ 7045180 w 10354976"/>
              <a:gd name="connsiteY340" fmla="*/ 6325709 h 6857967"/>
              <a:gd name="connsiteX341" fmla="*/ 7045180 w 10354976"/>
              <a:gd name="connsiteY341" fmla="*/ 6397010 h 6857967"/>
              <a:gd name="connsiteX342" fmla="*/ 7116481 w 10354976"/>
              <a:gd name="connsiteY342" fmla="*/ 6397010 h 6857967"/>
              <a:gd name="connsiteX343" fmla="*/ 7116481 w 10354976"/>
              <a:gd name="connsiteY343" fmla="*/ 6325709 h 6857967"/>
              <a:gd name="connsiteX344" fmla="*/ 6902579 w 10354976"/>
              <a:gd name="connsiteY344" fmla="*/ 6325709 h 6857967"/>
              <a:gd name="connsiteX345" fmla="*/ 6902579 w 10354976"/>
              <a:gd name="connsiteY345" fmla="*/ 6397010 h 6857967"/>
              <a:gd name="connsiteX346" fmla="*/ 6973880 w 10354976"/>
              <a:gd name="connsiteY346" fmla="*/ 6397010 h 6857967"/>
              <a:gd name="connsiteX347" fmla="*/ 6973880 w 10354976"/>
              <a:gd name="connsiteY347" fmla="*/ 6325709 h 6857967"/>
              <a:gd name="connsiteX348" fmla="*/ 6759906 w 10354976"/>
              <a:gd name="connsiteY348" fmla="*/ 6325709 h 6857967"/>
              <a:gd name="connsiteX349" fmla="*/ 6759906 w 10354976"/>
              <a:gd name="connsiteY349" fmla="*/ 6397010 h 6857967"/>
              <a:gd name="connsiteX350" fmla="*/ 6831207 w 10354976"/>
              <a:gd name="connsiteY350" fmla="*/ 6397010 h 6857967"/>
              <a:gd name="connsiteX351" fmla="*/ 6831207 w 10354976"/>
              <a:gd name="connsiteY351" fmla="*/ 6325709 h 6857967"/>
              <a:gd name="connsiteX352" fmla="*/ 6617234 w 10354976"/>
              <a:gd name="connsiteY352" fmla="*/ 6325709 h 6857967"/>
              <a:gd name="connsiteX353" fmla="*/ 6617234 w 10354976"/>
              <a:gd name="connsiteY353" fmla="*/ 6397010 h 6857967"/>
              <a:gd name="connsiteX354" fmla="*/ 6688535 w 10354976"/>
              <a:gd name="connsiteY354" fmla="*/ 6397010 h 6857967"/>
              <a:gd name="connsiteX355" fmla="*/ 6688535 w 10354976"/>
              <a:gd name="connsiteY355" fmla="*/ 6325709 h 6857967"/>
              <a:gd name="connsiteX356" fmla="*/ 6474632 w 10354976"/>
              <a:gd name="connsiteY356" fmla="*/ 6325709 h 6857967"/>
              <a:gd name="connsiteX357" fmla="*/ 6474632 w 10354976"/>
              <a:gd name="connsiteY357" fmla="*/ 6397010 h 6857967"/>
              <a:gd name="connsiteX358" fmla="*/ 6545933 w 10354976"/>
              <a:gd name="connsiteY358" fmla="*/ 6397010 h 6857967"/>
              <a:gd name="connsiteX359" fmla="*/ 6545933 w 10354976"/>
              <a:gd name="connsiteY359" fmla="*/ 6325709 h 6857967"/>
              <a:gd name="connsiteX360" fmla="*/ 6331959 w 10354976"/>
              <a:gd name="connsiteY360" fmla="*/ 6325709 h 6857967"/>
              <a:gd name="connsiteX361" fmla="*/ 6331959 w 10354976"/>
              <a:gd name="connsiteY361" fmla="*/ 6397010 h 6857967"/>
              <a:gd name="connsiteX362" fmla="*/ 6403260 w 10354976"/>
              <a:gd name="connsiteY362" fmla="*/ 6397010 h 6857967"/>
              <a:gd name="connsiteX363" fmla="*/ 6403260 w 10354976"/>
              <a:gd name="connsiteY363" fmla="*/ 6325709 h 6857967"/>
              <a:gd name="connsiteX364" fmla="*/ 6189358 w 10354976"/>
              <a:gd name="connsiteY364" fmla="*/ 6325709 h 6857967"/>
              <a:gd name="connsiteX365" fmla="*/ 6189358 w 10354976"/>
              <a:gd name="connsiteY365" fmla="*/ 6397010 h 6857967"/>
              <a:gd name="connsiteX366" fmla="*/ 6260659 w 10354976"/>
              <a:gd name="connsiteY366" fmla="*/ 6397010 h 6857967"/>
              <a:gd name="connsiteX367" fmla="*/ 6260659 w 10354976"/>
              <a:gd name="connsiteY367" fmla="*/ 6325709 h 6857967"/>
              <a:gd name="connsiteX368" fmla="*/ 6046689 w 10354976"/>
              <a:gd name="connsiteY368" fmla="*/ 6325709 h 6857967"/>
              <a:gd name="connsiteX369" fmla="*/ 6046689 w 10354976"/>
              <a:gd name="connsiteY369" fmla="*/ 6397010 h 6857967"/>
              <a:gd name="connsiteX370" fmla="*/ 6117986 w 10354976"/>
              <a:gd name="connsiteY370" fmla="*/ 6397010 h 6857967"/>
              <a:gd name="connsiteX371" fmla="*/ 6117986 w 10354976"/>
              <a:gd name="connsiteY371" fmla="*/ 6325709 h 6857967"/>
              <a:gd name="connsiteX372" fmla="*/ 5904023 w 10354976"/>
              <a:gd name="connsiteY372" fmla="*/ 6325709 h 6857967"/>
              <a:gd name="connsiteX373" fmla="*/ 5904023 w 10354976"/>
              <a:gd name="connsiteY373" fmla="*/ 6397010 h 6857967"/>
              <a:gd name="connsiteX374" fmla="*/ 5975319 w 10354976"/>
              <a:gd name="connsiteY374" fmla="*/ 6397010 h 6857967"/>
              <a:gd name="connsiteX375" fmla="*/ 5975319 w 10354976"/>
              <a:gd name="connsiteY375" fmla="*/ 6325709 h 6857967"/>
              <a:gd name="connsiteX376" fmla="*/ 5761426 w 10354976"/>
              <a:gd name="connsiteY376" fmla="*/ 6325709 h 6857967"/>
              <a:gd name="connsiteX377" fmla="*/ 5761426 w 10354976"/>
              <a:gd name="connsiteY377" fmla="*/ 6397010 h 6857967"/>
              <a:gd name="connsiteX378" fmla="*/ 5832724 w 10354976"/>
              <a:gd name="connsiteY378" fmla="*/ 6397010 h 6857967"/>
              <a:gd name="connsiteX379" fmla="*/ 5832724 w 10354976"/>
              <a:gd name="connsiteY379" fmla="*/ 6325709 h 6857967"/>
              <a:gd name="connsiteX380" fmla="*/ 5618761 w 10354976"/>
              <a:gd name="connsiteY380" fmla="*/ 6325709 h 6857967"/>
              <a:gd name="connsiteX381" fmla="*/ 5618761 w 10354976"/>
              <a:gd name="connsiteY381" fmla="*/ 6397010 h 6857967"/>
              <a:gd name="connsiteX382" fmla="*/ 5690059 w 10354976"/>
              <a:gd name="connsiteY382" fmla="*/ 6397010 h 6857967"/>
              <a:gd name="connsiteX383" fmla="*/ 5690059 w 10354976"/>
              <a:gd name="connsiteY383" fmla="*/ 6325709 h 6857967"/>
              <a:gd name="connsiteX384" fmla="*/ 5476167 w 10354976"/>
              <a:gd name="connsiteY384" fmla="*/ 6325709 h 6857967"/>
              <a:gd name="connsiteX385" fmla="*/ 5476167 w 10354976"/>
              <a:gd name="connsiteY385" fmla="*/ 6397010 h 6857967"/>
              <a:gd name="connsiteX386" fmla="*/ 5547465 w 10354976"/>
              <a:gd name="connsiteY386" fmla="*/ 6397010 h 6857967"/>
              <a:gd name="connsiteX387" fmla="*/ 5547465 w 10354976"/>
              <a:gd name="connsiteY387" fmla="*/ 6325709 h 6857967"/>
              <a:gd name="connsiteX388" fmla="*/ 5333500 w 10354976"/>
              <a:gd name="connsiteY388" fmla="*/ 6325709 h 6857967"/>
              <a:gd name="connsiteX389" fmla="*/ 5333500 w 10354976"/>
              <a:gd name="connsiteY389" fmla="*/ 6397010 h 6857967"/>
              <a:gd name="connsiteX390" fmla="*/ 5404799 w 10354976"/>
              <a:gd name="connsiteY390" fmla="*/ 6397010 h 6857967"/>
              <a:gd name="connsiteX391" fmla="*/ 5404799 w 10354976"/>
              <a:gd name="connsiteY391" fmla="*/ 6325709 h 6857967"/>
              <a:gd name="connsiteX392" fmla="*/ 5190877 w 10354976"/>
              <a:gd name="connsiteY392" fmla="*/ 6325709 h 6857967"/>
              <a:gd name="connsiteX393" fmla="*/ 5190877 w 10354976"/>
              <a:gd name="connsiteY393" fmla="*/ 6397010 h 6857967"/>
              <a:gd name="connsiteX394" fmla="*/ 5262188 w 10354976"/>
              <a:gd name="connsiteY394" fmla="*/ 6397010 h 6857967"/>
              <a:gd name="connsiteX395" fmla="*/ 5262188 w 10354976"/>
              <a:gd name="connsiteY395" fmla="*/ 6325709 h 6857967"/>
              <a:gd name="connsiteX396" fmla="*/ 5048236 w 10354976"/>
              <a:gd name="connsiteY396" fmla="*/ 6325709 h 6857967"/>
              <a:gd name="connsiteX397" fmla="*/ 5048236 w 10354976"/>
              <a:gd name="connsiteY397" fmla="*/ 6397010 h 6857967"/>
              <a:gd name="connsiteX398" fmla="*/ 5119528 w 10354976"/>
              <a:gd name="connsiteY398" fmla="*/ 6397010 h 6857967"/>
              <a:gd name="connsiteX399" fmla="*/ 5119528 w 10354976"/>
              <a:gd name="connsiteY399" fmla="*/ 6325709 h 6857967"/>
              <a:gd name="connsiteX400" fmla="*/ 4906607 w 10354976"/>
              <a:gd name="connsiteY400" fmla="*/ 6325709 h 6857967"/>
              <a:gd name="connsiteX401" fmla="*/ 4906607 w 10354976"/>
              <a:gd name="connsiteY401" fmla="*/ 6397010 h 6857967"/>
              <a:gd name="connsiteX402" fmla="*/ 4977916 w 10354976"/>
              <a:gd name="connsiteY402" fmla="*/ 6397010 h 6857967"/>
              <a:gd name="connsiteX403" fmla="*/ 4977916 w 10354976"/>
              <a:gd name="connsiteY403" fmla="*/ 6325709 h 6857967"/>
              <a:gd name="connsiteX404" fmla="*/ 4764013 w 10354976"/>
              <a:gd name="connsiteY404" fmla="*/ 6325709 h 6857967"/>
              <a:gd name="connsiteX405" fmla="*/ 4764013 w 10354976"/>
              <a:gd name="connsiteY405" fmla="*/ 6397010 h 6857967"/>
              <a:gd name="connsiteX406" fmla="*/ 4835311 w 10354976"/>
              <a:gd name="connsiteY406" fmla="*/ 6397010 h 6857967"/>
              <a:gd name="connsiteX407" fmla="*/ 4835311 w 10354976"/>
              <a:gd name="connsiteY407" fmla="*/ 6325709 h 6857967"/>
              <a:gd name="connsiteX408" fmla="*/ 4621342 w 10354976"/>
              <a:gd name="connsiteY408" fmla="*/ 6325709 h 6857967"/>
              <a:gd name="connsiteX409" fmla="*/ 4621342 w 10354976"/>
              <a:gd name="connsiteY409" fmla="*/ 6397010 h 6857967"/>
              <a:gd name="connsiteX410" fmla="*/ 4692639 w 10354976"/>
              <a:gd name="connsiteY410" fmla="*/ 6397010 h 6857967"/>
              <a:gd name="connsiteX411" fmla="*/ 4692639 w 10354976"/>
              <a:gd name="connsiteY411" fmla="*/ 6325709 h 6857967"/>
              <a:gd name="connsiteX412" fmla="*/ 4478666 w 10354976"/>
              <a:gd name="connsiteY412" fmla="*/ 6325709 h 6857967"/>
              <a:gd name="connsiteX413" fmla="*/ 4478666 w 10354976"/>
              <a:gd name="connsiteY413" fmla="*/ 6397010 h 6857967"/>
              <a:gd name="connsiteX414" fmla="*/ 4549969 w 10354976"/>
              <a:gd name="connsiteY414" fmla="*/ 6397010 h 6857967"/>
              <a:gd name="connsiteX415" fmla="*/ 4549969 w 10354976"/>
              <a:gd name="connsiteY415" fmla="*/ 6325709 h 6857967"/>
              <a:gd name="connsiteX416" fmla="*/ 4336068 w 10354976"/>
              <a:gd name="connsiteY416" fmla="*/ 6325709 h 6857967"/>
              <a:gd name="connsiteX417" fmla="*/ 4336068 w 10354976"/>
              <a:gd name="connsiteY417" fmla="*/ 6397010 h 6857967"/>
              <a:gd name="connsiteX418" fmla="*/ 4407366 w 10354976"/>
              <a:gd name="connsiteY418" fmla="*/ 6397010 h 6857967"/>
              <a:gd name="connsiteX419" fmla="*/ 4407366 w 10354976"/>
              <a:gd name="connsiteY419" fmla="*/ 6325709 h 6857967"/>
              <a:gd name="connsiteX420" fmla="*/ 4193413 w 10354976"/>
              <a:gd name="connsiteY420" fmla="*/ 6325709 h 6857967"/>
              <a:gd name="connsiteX421" fmla="*/ 4193413 w 10354976"/>
              <a:gd name="connsiteY421" fmla="*/ 6397010 h 6857967"/>
              <a:gd name="connsiteX422" fmla="*/ 4264695 w 10354976"/>
              <a:gd name="connsiteY422" fmla="*/ 6397010 h 6857967"/>
              <a:gd name="connsiteX423" fmla="*/ 4264695 w 10354976"/>
              <a:gd name="connsiteY423" fmla="*/ 6325709 h 6857967"/>
              <a:gd name="connsiteX424" fmla="*/ 4050810 w 10354976"/>
              <a:gd name="connsiteY424" fmla="*/ 6325709 h 6857967"/>
              <a:gd name="connsiteX425" fmla="*/ 4050810 w 10354976"/>
              <a:gd name="connsiteY425" fmla="*/ 6397010 h 6857967"/>
              <a:gd name="connsiteX426" fmla="*/ 4122113 w 10354976"/>
              <a:gd name="connsiteY426" fmla="*/ 6397010 h 6857967"/>
              <a:gd name="connsiteX427" fmla="*/ 4122113 w 10354976"/>
              <a:gd name="connsiteY427" fmla="*/ 6325709 h 6857967"/>
              <a:gd name="connsiteX428" fmla="*/ 3908136 w 10354976"/>
              <a:gd name="connsiteY428" fmla="*/ 6325709 h 6857967"/>
              <a:gd name="connsiteX429" fmla="*/ 3908136 w 10354976"/>
              <a:gd name="connsiteY429" fmla="*/ 6397010 h 6857967"/>
              <a:gd name="connsiteX430" fmla="*/ 3979438 w 10354976"/>
              <a:gd name="connsiteY430" fmla="*/ 6397010 h 6857967"/>
              <a:gd name="connsiteX431" fmla="*/ 3979438 w 10354976"/>
              <a:gd name="connsiteY431" fmla="*/ 6325709 h 6857967"/>
              <a:gd name="connsiteX432" fmla="*/ 3765462 w 10354976"/>
              <a:gd name="connsiteY432" fmla="*/ 6325709 h 6857967"/>
              <a:gd name="connsiteX433" fmla="*/ 3765462 w 10354976"/>
              <a:gd name="connsiteY433" fmla="*/ 6397010 h 6857967"/>
              <a:gd name="connsiteX434" fmla="*/ 3836763 w 10354976"/>
              <a:gd name="connsiteY434" fmla="*/ 6397010 h 6857967"/>
              <a:gd name="connsiteX435" fmla="*/ 3836763 w 10354976"/>
              <a:gd name="connsiteY435" fmla="*/ 6325709 h 6857967"/>
              <a:gd name="connsiteX436" fmla="*/ 3622851 w 10354976"/>
              <a:gd name="connsiteY436" fmla="*/ 6325709 h 6857967"/>
              <a:gd name="connsiteX437" fmla="*/ 3622851 w 10354976"/>
              <a:gd name="connsiteY437" fmla="*/ 6397010 h 6857967"/>
              <a:gd name="connsiteX438" fmla="*/ 3694151 w 10354976"/>
              <a:gd name="connsiteY438" fmla="*/ 6397010 h 6857967"/>
              <a:gd name="connsiteX439" fmla="*/ 3694151 w 10354976"/>
              <a:gd name="connsiteY439" fmla="*/ 6325709 h 6857967"/>
              <a:gd name="connsiteX440" fmla="*/ 3480203 w 10354976"/>
              <a:gd name="connsiteY440" fmla="*/ 6325709 h 6857967"/>
              <a:gd name="connsiteX441" fmla="*/ 3480203 w 10354976"/>
              <a:gd name="connsiteY441" fmla="*/ 6397010 h 6857967"/>
              <a:gd name="connsiteX442" fmla="*/ 3551509 w 10354976"/>
              <a:gd name="connsiteY442" fmla="*/ 6397010 h 6857967"/>
              <a:gd name="connsiteX443" fmla="*/ 3551509 w 10354976"/>
              <a:gd name="connsiteY443" fmla="*/ 6325709 h 6857967"/>
              <a:gd name="connsiteX444" fmla="*/ 3337580 w 10354976"/>
              <a:gd name="connsiteY444" fmla="*/ 6325709 h 6857967"/>
              <a:gd name="connsiteX445" fmla="*/ 3337580 w 10354976"/>
              <a:gd name="connsiteY445" fmla="*/ 6397010 h 6857967"/>
              <a:gd name="connsiteX446" fmla="*/ 3408881 w 10354976"/>
              <a:gd name="connsiteY446" fmla="*/ 6397010 h 6857967"/>
              <a:gd name="connsiteX447" fmla="*/ 3408881 w 10354976"/>
              <a:gd name="connsiteY447" fmla="*/ 6325709 h 6857967"/>
              <a:gd name="connsiteX448" fmla="*/ 3194905 w 10354976"/>
              <a:gd name="connsiteY448" fmla="*/ 6325709 h 6857967"/>
              <a:gd name="connsiteX449" fmla="*/ 3194905 w 10354976"/>
              <a:gd name="connsiteY449" fmla="*/ 6397010 h 6857967"/>
              <a:gd name="connsiteX450" fmla="*/ 3266208 w 10354976"/>
              <a:gd name="connsiteY450" fmla="*/ 6397010 h 6857967"/>
              <a:gd name="connsiteX451" fmla="*/ 3266208 w 10354976"/>
              <a:gd name="connsiteY451" fmla="*/ 6325709 h 6857967"/>
              <a:gd name="connsiteX452" fmla="*/ 3052305 w 10354976"/>
              <a:gd name="connsiteY452" fmla="*/ 6325709 h 6857967"/>
              <a:gd name="connsiteX453" fmla="*/ 3052305 w 10354976"/>
              <a:gd name="connsiteY453" fmla="*/ 6397010 h 6857967"/>
              <a:gd name="connsiteX454" fmla="*/ 3123607 w 10354976"/>
              <a:gd name="connsiteY454" fmla="*/ 6397010 h 6857967"/>
              <a:gd name="connsiteX455" fmla="*/ 3123607 w 10354976"/>
              <a:gd name="connsiteY455" fmla="*/ 6325709 h 6857967"/>
              <a:gd name="connsiteX456" fmla="*/ 2909633 w 10354976"/>
              <a:gd name="connsiteY456" fmla="*/ 6325709 h 6857967"/>
              <a:gd name="connsiteX457" fmla="*/ 2909633 w 10354976"/>
              <a:gd name="connsiteY457" fmla="*/ 6397010 h 6857967"/>
              <a:gd name="connsiteX458" fmla="*/ 2980934 w 10354976"/>
              <a:gd name="connsiteY458" fmla="*/ 6397010 h 6857967"/>
              <a:gd name="connsiteX459" fmla="*/ 2980934 w 10354976"/>
              <a:gd name="connsiteY459" fmla="*/ 6325709 h 6857967"/>
              <a:gd name="connsiteX460" fmla="*/ 2767033 w 10354976"/>
              <a:gd name="connsiteY460" fmla="*/ 6325709 h 6857967"/>
              <a:gd name="connsiteX461" fmla="*/ 2767033 w 10354976"/>
              <a:gd name="connsiteY461" fmla="*/ 6397010 h 6857967"/>
              <a:gd name="connsiteX462" fmla="*/ 2838334 w 10354976"/>
              <a:gd name="connsiteY462" fmla="*/ 6397010 h 6857967"/>
              <a:gd name="connsiteX463" fmla="*/ 2838334 w 10354976"/>
              <a:gd name="connsiteY463" fmla="*/ 6325709 h 6857967"/>
              <a:gd name="connsiteX464" fmla="*/ 2624361 w 10354976"/>
              <a:gd name="connsiteY464" fmla="*/ 6325709 h 6857967"/>
              <a:gd name="connsiteX465" fmla="*/ 2624361 w 10354976"/>
              <a:gd name="connsiteY465" fmla="*/ 6397010 h 6857967"/>
              <a:gd name="connsiteX466" fmla="*/ 2695661 w 10354976"/>
              <a:gd name="connsiteY466" fmla="*/ 6397010 h 6857967"/>
              <a:gd name="connsiteX467" fmla="*/ 2695661 w 10354976"/>
              <a:gd name="connsiteY467" fmla="*/ 6325709 h 6857967"/>
              <a:gd name="connsiteX468" fmla="*/ 2481690 w 10354976"/>
              <a:gd name="connsiteY468" fmla="*/ 6325709 h 6857967"/>
              <a:gd name="connsiteX469" fmla="*/ 2481690 w 10354976"/>
              <a:gd name="connsiteY469" fmla="*/ 6397010 h 6857967"/>
              <a:gd name="connsiteX470" fmla="*/ 2552991 w 10354976"/>
              <a:gd name="connsiteY470" fmla="*/ 6397010 h 6857967"/>
              <a:gd name="connsiteX471" fmla="*/ 2552991 w 10354976"/>
              <a:gd name="connsiteY471" fmla="*/ 6325709 h 6857967"/>
              <a:gd name="connsiteX472" fmla="*/ 2339091 w 10354976"/>
              <a:gd name="connsiteY472" fmla="*/ 6325709 h 6857967"/>
              <a:gd name="connsiteX473" fmla="*/ 2339091 w 10354976"/>
              <a:gd name="connsiteY473" fmla="*/ 6397010 h 6857967"/>
              <a:gd name="connsiteX474" fmla="*/ 2410390 w 10354976"/>
              <a:gd name="connsiteY474" fmla="*/ 6397010 h 6857967"/>
              <a:gd name="connsiteX475" fmla="*/ 2410390 w 10354976"/>
              <a:gd name="connsiteY475" fmla="*/ 6325709 h 6857967"/>
              <a:gd name="connsiteX476" fmla="*/ 2196420 w 10354976"/>
              <a:gd name="connsiteY476" fmla="*/ 6325709 h 6857967"/>
              <a:gd name="connsiteX477" fmla="*/ 2196420 w 10354976"/>
              <a:gd name="connsiteY477" fmla="*/ 6397010 h 6857967"/>
              <a:gd name="connsiteX478" fmla="*/ 2267720 w 10354976"/>
              <a:gd name="connsiteY478" fmla="*/ 6397010 h 6857967"/>
              <a:gd name="connsiteX479" fmla="*/ 2267720 w 10354976"/>
              <a:gd name="connsiteY479" fmla="*/ 6325709 h 6857967"/>
              <a:gd name="connsiteX480" fmla="*/ 2053813 w 10354976"/>
              <a:gd name="connsiteY480" fmla="*/ 6325709 h 6857967"/>
              <a:gd name="connsiteX481" fmla="*/ 2053813 w 10354976"/>
              <a:gd name="connsiteY481" fmla="*/ 6397010 h 6857967"/>
              <a:gd name="connsiteX482" fmla="*/ 2125117 w 10354976"/>
              <a:gd name="connsiteY482" fmla="*/ 6397010 h 6857967"/>
              <a:gd name="connsiteX483" fmla="*/ 2125117 w 10354976"/>
              <a:gd name="connsiteY483" fmla="*/ 6325709 h 6857967"/>
              <a:gd name="connsiteX484" fmla="*/ 1911141 w 10354976"/>
              <a:gd name="connsiteY484" fmla="*/ 6325709 h 6857967"/>
              <a:gd name="connsiteX485" fmla="*/ 1911141 w 10354976"/>
              <a:gd name="connsiteY485" fmla="*/ 6397010 h 6857967"/>
              <a:gd name="connsiteX486" fmla="*/ 1982442 w 10354976"/>
              <a:gd name="connsiteY486" fmla="*/ 6397010 h 6857967"/>
              <a:gd name="connsiteX487" fmla="*/ 1982442 w 10354976"/>
              <a:gd name="connsiteY487" fmla="*/ 6325709 h 6857967"/>
              <a:gd name="connsiteX488" fmla="*/ 1768470 w 10354976"/>
              <a:gd name="connsiteY488" fmla="*/ 6325709 h 6857967"/>
              <a:gd name="connsiteX489" fmla="*/ 1768470 w 10354976"/>
              <a:gd name="connsiteY489" fmla="*/ 6397010 h 6857967"/>
              <a:gd name="connsiteX490" fmla="*/ 1839771 w 10354976"/>
              <a:gd name="connsiteY490" fmla="*/ 6397010 h 6857967"/>
              <a:gd name="connsiteX491" fmla="*/ 1839771 w 10354976"/>
              <a:gd name="connsiteY491" fmla="*/ 6325709 h 6857967"/>
              <a:gd name="connsiteX492" fmla="*/ 1625870 w 10354976"/>
              <a:gd name="connsiteY492" fmla="*/ 6325709 h 6857967"/>
              <a:gd name="connsiteX493" fmla="*/ 1625870 w 10354976"/>
              <a:gd name="connsiteY493" fmla="*/ 6397010 h 6857967"/>
              <a:gd name="connsiteX494" fmla="*/ 1697170 w 10354976"/>
              <a:gd name="connsiteY494" fmla="*/ 6397010 h 6857967"/>
              <a:gd name="connsiteX495" fmla="*/ 1697170 w 10354976"/>
              <a:gd name="connsiteY495" fmla="*/ 6325709 h 6857967"/>
              <a:gd name="connsiteX496" fmla="*/ 1483199 w 10354976"/>
              <a:gd name="connsiteY496" fmla="*/ 6325709 h 6857967"/>
              <a:gd name="connsiteX497" fmla="*/ 1483199 w 10354976"/>
              <a:gd name="connsiteY497" fmla="*/ 6397010 h 6857967"/>
              <a:gd name="connsiteX498" fmla="*/ 1554500 w 10354976"/>
              <a:gd name="connsiteY498" fmla="*/ 6397010 h 6857967"/>
              <a:gd name="connsiteX499" fmla="*/ 1554500 w 10354976"/>
              <a:gd name="connsiteY499" fmla="*/ 6325709 h 6857967"/>
              <a:gd name="connsiteX500" fmla="*/ 1340599 w 10354976"/>
              <a:gd name="connsiteY500" fmla="*/ 6325709 h 6857967"/>
              <a:gd name="connsiteX501" fmla="*/ 1340599 w 10354976"/>
              <a:gd name="connsiteY501" fmla="*/ 6397010 h 6857967"/>
              <a:gd name="connsiteX502" fmla="*/ 1411899 w 10354976"/>
              <a:gd name="connsiteY502" fmla="*/ 6397010 h 6857967"/>
              <a:gd name="connsiteX503" fmla="*/ 1411899 w 10354976"/>
              <a:gd name="connsiteY503" fmla="*/ 6325709 h 6857967"/>
              <a:gd name="connsiteX504" fmla="*/ 1197929 w 10354976"/>
              <a:gd name="connsiteY504" fmla="*/ 6325709 h 6857967"/>
              <a:gd name="connsiteX505" fmla="*/ 1197929 w 10354976"/>
              <a:gd name="connsiteY505" fmla="*/ 6397010 h 6857967"/>
              <a:gd name="connsiteX506" fmla="*/ 1269230 w 10354976"/>
              <a:gd name="connsiteY506" fmla="*/ 6397010 h 6857967"/>
              <a:gd name="connsiteX507" fmla="*/ 1269230 w 10354976"/>
              <a:gd name="connsiteY507" fmla="*/ 6325709 h 6857967"/>
              <a:gd name="connsiteX508" fmla="*/ 1055311 w 10354976"/>
              <a:gd name="connsiteY508" fmla="*/ 6325709 h 6857967"/>
              <a:gd name="connsiteX509" fmla="*/ 1055311 w 10354976"/>
              <a:gd name="connsiteY509" fmla="*/ 6397010 h 6857967"/>
              <a:gd name="connsiteX510" fmla="*/ 1126612 w 10354976"/>
              <a:gd name="connsiteY510" fmla="*/ 6397010 h 6857967"/>
              <a:gd name="connsiteX511" fmla="*/ 1126612 w 10354976"/>
              <a:gd name="connsiteY511" fmla="*/ 6325709 h 6857967"/>
              <a:gd name="connsiteX512" fmla="*/ 912657 w 10354976"/>
              <a:gd name="connsiteY512" fmla="*/ 6325709 h 6857967"/>
              <a:gd name="connsiteX513" fmla="*/ 912657 w 10354976"/>
              <a:gd name="connsiteY513" fmla="*/ 6397010 h 6857967"/>
              <a:gd name="connsiteX514" fmla="*/ 983958 w 10354976"/>
              <a:gd name="connsiteY514" fmla="*/ 6397010 h 6857967"/>
              <a:gd name="connsiteX515" fmla="*/ 983958 w 10354976"/>
              <a:gd name="connsiteY515" fmla="*/ 6325709 h 6857967"/>
              <a:gd name="connsiteX516" fmla="*/ 771136 w 10354976"/>
              <a:gd name="connsiteY516" fmla="*/ 6325709 h 6857967"/>
              <a:gd name="connsiteX517" fmla="*/ 771136 w 10354976"/>
              <a:gd name="connsiteY517" fmla="*/ 6397010 h 6857967"/>
              <a:gd name="connsiteX518" fmla="*/ 842437 w 10354976"/>
              <a:gd name="connsiteY518" fmla="*/ 6397010 h 6857967"/>
              <a:gd name="connsiteX519" fmla="*/ 842437 w 10354976"/>
              <a:gd name="connsiteY519" fmla="*/ 6325709 h 6857967"/>
              <a:gd name="connsiteX520" fmla="*/ 628534 w 10354976"/>
              <a:gd name="connsiteY520" fmla="*/ 6325709 h 6857967"/>
              <a:gd name="connsiteX521" fmla="*/ 628534 w 10354976"/>
              <a:gd name="connsiteY521" fmla="*/ 6397010 h 6857967"/>
              <a:gd name="connsiteX522" fmla="*/ 699835 w 10354976"/>
              <a:gd name="connsiteY522" fmla="*/ 6397010 h 6857967"/>
              <a:gd name="connsiteX523" fmla="*/ 699835 w 10354976"/>
              <a:gd name="connsiteY523" fmla="*/ 6325709 h 6857967"/>
              <a:gd name="connsiteX524" fmla="*/ 485863 w 10354976"/>
              <a:gd name="connsiteY524" fmla="*/ 6325709 h 6857967"/>
              <a:gd name="connsiteX525" fmla="*/ 485863 w 10354976"/>
              <a:gd name="connsiteY525" fmla="*/ 6397010 h 6857967"/>
              <a:gd name="connsiteX526" fmla="*/ 557163 w 10354976"/>
              <a:gd name="connsiteY526" fmla="*/ 6397010 h 6857967"/>
              <a:gd name="connsiteX527" fmla="*/ 557163 w 10354976"/>
              <a:gd name="connsiteY527" fmla="*/ 6325709 h 6857967"/>
              <a:gd name="connsiteX528" fmla="*/ 343191 w 10354976"/>
              <a:gd name="connsiteY528" fmla="*/ 6325709 h 6857967"/>
              <a:gd name="connsiteX529" fmla="*/ 343191 w 10354976"/>
              <a:gd name="connsiteY529" fmla="*/ 6397010 h 6857967"/>
              <a:gd name="connsiteX530" fmla="*/ 414492 w 10354976"/>
              <a:gd name="connsiteY530" fmla="*/ 6397010 h 6857967"/>
              <a:gd name="connsiteX531" fmla="*/ 414492 w 10354976"/>
              <a:gd name="connsiteY531" fmla="*/ 6325709 h 6857967"/>
              <a:gd name="connsiteX532" fmla="*/ 200590 w 10354976"/>
              <a:gd name="connsiteY532" fmla="*/ 6325709 h 6857967"/>
              <a:gd name="connsiteX533" fmla="*/ 200590 w 10354976"/>
              <a:gd name="connsiteY533" fmla="*/ 6397010 h 6857967"/>
              <a:gd name="connsiteX534" fmla="*/ 271891 w 10354976"/>
              <a:gd name="connsiteY534" fmla="*/ 6397010 h 6857967"/>
              <a:gd name="connsiteX535" fmla="*/ 271891 w 10354976"/>
              <a:gd name="connsiteY535" fmla="*/ 6325709 h 6857967"/>
              <a:gd name="connsiteX536" fmla="*/ 57918 w 10354976"/>
              <a:gd name="connsiteY536" fmla="*/ 6325709 h 6857967"/>
              <a:gd name="connsiteX537" fmla="*/ 57918 w 10354976"/>
              <a:gd name="connsiteY537" fmla="*/ 6397010 h 6857967"/>
              <a:gd name="connsiteX538" fmla="*/ 129219 w 10354976"/>
              <a:gd name="connsiteY538" fmla="*/ 6397010 h 6857967"/>
              <a:gd name="connsiteX539" fmla="*/ 129219 w 10354976"/>
              <a:gd name="connsiteY539" fmla="*/ 6325709 h 6857967"/>
              <a:gd name="connsiteX540" fmla="*/ 9755391 w 10354976"/>
              <a:gd name="connsiteY540" fmla="*/ 6183107 h 6857967"/>
              <a:gd name="connsiteX541" fmla="*/ 9755391 w 10354976"/>
              <a:gd name="connsiteY541" fmla="*/ 6254408 h 6857967"/>
              <a:gd name="connsiteX542" fmla="*/ 9826692 w 10354976"/>
              <a:gd name="connsiteY542" fmla="*/ 6254408 h 6857967"/>
              <a:gd name="connsiteX543" fmla="*/ 9826692 w 10354976"/>
              <a:gd name="connsiteY543" fmla="*/ 6183107 h 6857967"/>
              <a:gd name="connsiteX544" fmla="*/ 9612718 w 10354976"/>
              <a:gd name="connsiteY544" fmla="*/ 6183107 h 6857967"/>
              <a:gd name="connsiteX545" fmla="*/ 9612718 w 10354976"/>
              <a:gd name="connsiteY545" fmla="*/ 6254408 h 6857967"/>
              <a:gd name="connsiteX546" fmla="*/ 9684019 w 10354976"/>
              <a:gd name="connsiteY546" fmla="*/ 6254408 h 6857967"/>
              <a:gd name="connsiteX547" fmla="*/ 9684019 w 10354976"/>
              <a:gd name="connsiteY547" fmla="*/ 6183107 h 6857967"/>
              <a:gd name="connsiteX548" fmla="*/ 9470117 w 10354976"/>
              <a:gd name="connsiteY548" fmla="*/ 6183107 h 6857967"/>
              <a:gd name="connsiteX549" fmla="*/ 9470117 w 10354976"/>
              <a:gd name="connsiteY549" fmla="*/ 6254408 h 6857967"/>
              <a:gd name="connsiteX550" fmla="*/ 9541417 w 10354976"/>
              <a:gd name="connsiteY550" fmla="*/ 6254408 h 6857967"/>
              <a:gd name="connsiteX551" fmla="*/ 9541417 w 10354976"/>
              <a:gd name="connsiteY551" fmla="*/ 6183107 h 6857967"/>
              <a:gd name="connsiteX552" fmla="*/ 9327444 w 10354976"/>
              <a:gd name="connsiteY552" fmla="*/ 6183107 h 6857967"/>
              <a:gd name="connsiteX553" fmla="*/ 9327444 w 10354976"/>
              <a:gd name="connsiteY553" fmla="*/ 6254408 h 6857967"/>
              <a:gd name="connsiteX554" fmla="*/ 9398745 w 10354976"/>
              <a:gd name="connsiteY554" fmla="*/ 6254408 h 6857967"/>
              <a:gd name="connsiteX555" fmla="*/ 9398745 w 10354976"/>
              <a:gd name="connsiteY555" fmla="*/ 6183107 h 6857967"/>
              <a:gd name="connsiteX556" fmla="*/ 9184842 w 10354976"/>
              <a:gd name="connsiteY556" fmla="*/ 6183107 h 6857967"/>
              <a:gd name="connsiteX557" fmla="*/ 9184842 w 10354976"/>
              <a:gd name="connsiteY557" fmla="*/ 6254408 h 6857967"/>
              <a:gd name="connsiteX558" fmla="*/ 9256143 w 10354976"/>
              <a:gd name="connsiteY558" fmla="*/ 6254408 h 6857967"/>
              <a:gd name="connsiteX559" fmla="*/ 9256143 w 10354976"/>
              <a:gd name="connsiteY559" fmla="*/ 6183107 h 6857967"/>
              <a:gd name="connsiteX560" fmla="*/ 9042170 w 10354976"/>
              <a:gd name="connsiteY560" fmla="*/ 6183107 h 6857967"/>
              <a:gd name="connsiteX561" fmla="*/ 9042170 w 10354976"/>
              <a:gd name="connsiteY561" fmla="*/ 6254408 h 6857967"/>
              <a:gd name="connsiteX562" fmla="*/ 9113471 w 10354976"/>
              <a:gd name="connsiteY562" fmla="*/ 6254408 h 6857967"/>
              <a:gd name="connsiteX563" fmla="*/ 9113471 w 10354976"/>
              <a:gd name="connsiteY563" fmla="*/ 6183107 h 6857967"/>
              <a:gd name="connsiteX564" fmla="*/ 8899568 w 10354976"/>
              <a:gd name="connsiteY564" fmla="*/ 6183107 h 6857967"/>
              <a:gd name="connsiteX565" fmla="*/ 8899568 w 10354976"/>
              <a:gd name="connsiteY565" fmla="*/ 6254408 h 6857967"/>
              <a:gd name="connsiteX566" fmla="*/ 8970869 w 10354976"/>
              <a:gd name="connsiteY566" fmla="*/ 6254408 h 6857967"/>
              <a:gd name="connsiteX567" fmla="*/ 8970869 w 10354976"/>
              <a:gd name="connsiteY567" fmla="*/ 6183107 h 6857967"/>
              <a:gd name="connsiteX568" fmla="*/ 8756896 w 10354976"/>
              <a:gd name="connsiteY568" fmla="*/ 6183107 h 6857967"/>
              <a:gd name="connsiteX569" fmla="*/ 8756896 w 10354976"/>
              <a:gd name="connsiteY569" fmla="*/ 6254408 h 6857967"/>
              <a:gd name="connsiteX570" fmla="*/ 8828196 w 10354976"/>
              <a:gd name="connsiteY570" fmla="*/ 6254408 h 6857967"/>
              <a:gd name="connsiteX571" fmla="*/ 8828196 w 10354976"/>
              <a:gd name="connsiteY571" fmla="*/ 6183107 h 6857967"/>
              <a:gd name="connsiteX572" fmla="*/ 8614223 w 10354976"/>
              <a:gd name="connsiteY572" fmla="*/ 6183107 h 6857967"/>
              <a:gd name="connsiteX573" fmla="*/ 8614223 w 10354976"/>
              <a:gd name="connsiteY573" fmla="*/ 6254408 h 6857967"/>
              <a:gd name="connsiteX574" fmla="*/ 8685524 w 10354976"/>
              <a:gd name="connsiteY574" fmla="*/ 6254408 h 6857967"/>
              <a:gd name="connsiteX575" fmla="*/ 8685524 w 10354976"/>
              <a:gd name="connsiteY575" fmla="*/ 6183107 h 6857967"/>
              <a:gd name="connsiteX576" fmla="*/ 8471622 w 10354976"/>
              <a:gd name="connsiteY576" fmla="*/ 6183107 h 6857967"/>
              <a:gd name="connsiteX577" fmla="*/ 8471622 w 10354976"/>
              <a:gd name="connsiteY577" fmla="*/ 6254408 h 6857967"/>
              <a:gd name="connsiteX578" fmla="*/ 8542923 w 10354976"/>
              <a:gd name="connsiteY578" fmla="*/ 6254408 h 6857967"/>
              <a:gd name="connsiteX579" fmla="*/ 8542923 w 10354976"/>
              <a:gd name="connsiteY579" fmla="*/ 6183107 h 6857967"/>
              <a:gd name="connsiteX580" fmla="*/ 8328949 w 10354976"/>
              <a:gd name="connsiteY580" fmla="*/ 6183107 h 6857967"/>
              <a:gd name="connsiteX581" fmla="*/ 8328949 w 10354976"/>
              <a:gd name="connsiteY581" fmla="*/ 6254408 h 6857967"/>
              <a:gd name="connsiteX582" fmla="*/ 8400250 w 10354976"/>
              <a:gd name="connsiteY582" fmla="*/ 6254408 h 6857967"/>
              <a:gd name="connsiteX583" fmla="*/ 8400250 w 10354976"/>
              <a:gd name="connsiteY583" fmla="*/ 6183107 h 6857967"/>
              <a:gd name="connsiteX584" fmla="*/ 8186348 w 10354976"/>
              <a:gd name="connsiteY584" fmla="*/ 6183107 h 6857967"/>
              <a:gd name="connsiteX585" fmla="*/ 8186348 w 10354976"/>
              <a:gd name="connsiteY585" fmla="*/ 6254408 h 6857967"/>
              <a:gd name="connsiteX586" fmla="*/ 8257649 w 10354976"/>
              <a:gd name="connsiteY586" fmla="*/ 6254408 h 6857967"/>
              <a:gd name="connsiteX587" fmla="*/ 8257649 w 10354976"/>
              <a:gd name="connsiteY587" fmla="*/ 6183107 h 6857967"/>
              <a:gd name="connsiteX588" fmla="*/ 8043675 w 10354976"/>
              <a:gd name="connsiteY588" fmla="*/ 6183107 h 6857967"/>
              <a:gd name="connsiteX589" fmla="*/ 8043675 w 10354976"/>
              <a:gd name="connsiteY589" fmla="*/ 6254408 h 6857967"/>
              <a:gd name="connsiteX590" fmla="*/ 8114976 w 10354976"/>
              <a:gd name="connsiteY590" fmla="*/ 6254408 h 6857967"/>
              <a:gd name="connsiteX591" fmla="*/ 8114976 w 10354976"/>
              <a:gd name="connsiteY591" fmla="*/ 6183107 h 6857967"/>
              <a:gd name="connsiteX592" fmla="*/ 7901003 w 10354976"/>
              <a:gd name="connsiteY592" fmla="*/ 6183107 h 6857967"/>
              <a:gd name="connsiteX593" fmla="*/ 7901003 w 10354976"/>
              <a:gd name="connsiteY593" fmla="*/ 6254408 h 6857967"/>
              <a:gd name="connsiteX594" fmla="*/ 7972304 w 10354976"/>
              <a:gd name="connsiteY594" fmla="*/ 6254408 h 6857967"/>
              <a:gd name="connsiteX595" fmla="*/ 7972304 w 10354976"/>
              <a:gd name="connsiteY595" fmla="*/ 6183107 h 6857967"/>
              <a:gd name="connsiteX596" fmla="*/ 7758401 w 10354976"/>
              <a:gd name="connsiteY596" fmla="*/ 6183107 h 6857967"/>
              <a:gd name="connsiteX597" fmla="*/ 7758401 w 10354976"/>
              <a:gd name="connsiteY597" fmla="*/ 6254408 h 6857967"/>
              <a:gd name="connsiteX598" fmla="*/ 7829702 w 10354976"/>
              <a:gd name="connsiteY598" fmla="*/ 6254408 h 6857967"/>
              <a:gd name="connsiteX599" fmla="*/ 7829702 w 10354976"/>
              <a:gd name="connsiteY599" fmla="*/ 6183107 h 6857967"/>
              <a:gd name="connsiteX600" fmla="*/ 7615728 w 10354976"/>
              <a:gd name="connsiteY600" fmla="*/ 6183107 h 6857967"/>
              <a:gd name="connsiteX601" fmla="*/ 7615728 w 10354976"/>
              <a:gd name="connsiteY601" fmla="*/ 6254408 h 6857967"/>
              <a:gd name="connsiteX602" fmla="*/ 7687029 w 10354976"/>
              <a:gd name="connsiteY602" fmla="*/ 6254408 h 6857967"/>
              <a:gd name="connsiteX603" fmla="*/ 7687029 w 10354976"/>
              <a:gd name="connsiteY603" fmla="*/ 6183107 h 6857967"/>
              <a:gd name="connsiteX604" fmla="*/ 7473127 w 10354976"/>
              <a:gd name="connsiteY604" fmla="*/ 6183107 h 6857967"/>
              <a:gd name="connsiteX605" fmla="*/ 7473127 w 10354976"/>
              <a:gd name="connsiteY605" fmla="*/ 6254408 h 6857967"/>
              <a:gd name="connsiteX606" fmla="*/ 7544428 w 10354976"/>
              <a:gd name="connsiteY606" fmla="*/ 6254408 h 6857967"/>
              <a:gd name="connsiteX607" fmla="*/ 7544428 w 10354976"/>
              <a:gd name="connsiteY607" fmla="*/ 6183107 h 6857967"/>
              <a:gd name="connsiteX608" fmla="*/ 7330454 w 10354976"/>
              <a:gd name="connsiteY608" fmla="*/ 6183107 h 6857967"/>
              <a:gd name="connsiteX609" fmla="*/ 7330454 w 10354976"/>
              <a:gd name="connsiteY609" fmla="*/ 6254408 h 6857967"/>
              <a:gd name="connsiteX610" fmla="*/ 7401755 w 10354976"/>
              <a:gd name="connsiteY610" fmla="*/ 6254408 h 6857967"/>
              <a:gd name="connsiteX611" fmla="*/ 7401755 w 10354976"/>
              <a:gd name="connsiteY611" fmla="*/ 6183107 h 6857967"/>
              <a:gd name="connsiteX612" fmla="*/ 7187853 w 10354976"/>
              <a:gd name="connsiteY612" fmla="*/ 6183107 h 6857967"/>
              <a:gd name="connsiteX613" fmla="*/ 7187853 w 10354976"/>
              <a:gd name="connsiteY613" fmla="*/ 6254408 h 6857967"/>
              <a:gd name="connsiteX614" fmla="*/ 7259154 w 10354976"/>
              <a:gd name="connsiteY614" fmla="*/ 6254408 h 6857967"/>
              <a:gd name="connsiteX615" fmla="*/ 7259154 w 10354976"/>
              <a:gd name="connsiteY615" fmla="*/ 6183107 h 6857967"/>
              <a:gd name="connsiteX616" fmla="*/ 7045180 w 10354976"/>
              <a:gd name="connsiteY616" fmla="*/ 6183107 h 6857967"/>
              <a:gd name="connsiteX617" fmla="*/ 7045180 w 10354976"/>
              <a:gd name="connsiteY617" fmla="*/ 6254408 h 6857967"/>
              <a:gd name="connsiteX618" fmla="*/ 7116481 w 10354976"/>
              <a:gd name="connsiteY618" fmla="*/ 6254408 h 6857967"/>
              <a:gd name="connsiteX619" fmla="*/ 7116481 w 10354976"/>
              <a:gd name="connsiteY619" fmla="*/ 6183107 h 6857967"/>
              <a:gd name="connsiteX620" fmla="*/ 6902579 w 10354976"/>
              <a:gd name="connsiteY620" fmla="*/ 6183107 h 6857967"/>
              <a:gd name="connsiteX621" fmla="*/ 6902579 w 10354976"/>
              <a:gd name="connsiteY621" fmla="*/ 6254408 h 6857967"/>
              <a:gd name="connsiteX622" fmla="*/ 6973880 w 10354976"/>
              <a:gd name="connsiteY622" fmla="*/ 6254408 h 6857967"/>
              <a:gd name="connsiteX623" fmla="*/ 6973880 w 10354976"/>
              <a:gd name="connsiteY623" fmla="*/ 6183107 h 6857967"/>
              <a:gd name="connsiteX624" fmla="*/ 6759906 w 10354976"/>
              <a:gd name="connsiteY624" fmla="*/ 6183107 h 6857967"/>
              <a:gd name="connsiteX625" fmla="*/ 6759906 w 10354976"/>
              <a:gd name="connsiteY625" fmla="*/ 6254408 h 6857967"/>
              <a:gd name="connsiteX626" fmla="*/ 6831207 w 10354976"/>
              <a:gd name="connsiteY626" fmla="*/ 6254408 h 6857967"/>
              <a:gd name="connsiteX627" fmla="*/ 6831207 w 10354976"/>
              <a:gd name="connsiteY627" fmla="*/ 6183107 h 6857967"/>
              <a:gd name="connsiteX628" fmla="*/ 6617234 w 10354976"/>
              <a:gd name="connsiteY628" fmla="*/ 6183107 h 6857967"/>
              <a:gd name="connsiteX629" fmla="*/ 6617234 w 10354976"/>
              <a:gd name="connsiteY629" fmla="*/ 6254408 h 6857967"/>
              <a:gd name="connsiteX630" fmla="*/ 6688535 w 10354976"/>
              <a:gd name="connsiteY630" fmla="*/ 6254408 h 6857967"/>
              <a:gd name="connsiteX631" fmla="*/ 6688535 w 10354976"/>
              <a:gd name="connsiteY631" fmla="*/ 6183107 h 6857967"/>
              <a:gd name="connsiteX632" fmla="*/ 6474632 w 10354976"/>
              <a:gd name="connsiteY632" fmla="*/ 6183107 h 6857967"/>
              <a:gd name="connsiteX633" fmla="*/ 6474632 w 10354976"/>
              <a:gd name="connsiteY633" fmla="*/ 6254408 h 6857967"/>
              <a:gd name="connsiteX634" fmla="*/ 6545933 w 10354976"/>
              <a:gd name="connsiteY634" fmla="*/ 6254408 h 6857967"/>
              <a:gd name="connsiteX635" fmla="*/ 6545933 w 10354976"/>
              <a:gd name="connsiteY635" fmla="*/ 6183107 h 6857967"/>
              <a:gd name="connsiteX636" fmla="*/ 6331959 w 10354976"/>
              <a:gd name="connsiteY636" fmla="*/ 6183107 h 6857967"/>
              <a:gd name="connsiteX637" fmla="*/ 6331959 w 10354976"/>
              <a:gd name="connsiteY637" fmla="*/ 6254408 h 6857967"/>
              <a:gd name="connsiteX638" fmla="*/ 6403260 w 10354976"/>
              <a:gd name="connsiteY638" fmla="*/ 6254408 h 6857967"/>
              <a:gd name="connsiteX639" fmla="*/ 6403260 w 10354976"/>
              <a:gd name="connsiteY639" fmla="*/ 6183107 h 6857967"/>
              <a:gd name="connsiteX640" fmla="*/ 6189358 w 10354976"/>
              <a:gd name="connsiteY640" fmla="*/ 6183107 h 6857967"/>
              <a:gd name="connsiteX641" fmla="*/ 6189358 w 10354976"/>
              <a:gd name="connsiteY641" fmla="*/ 6254408 h 6857967"/>
              <a:gd name="connsiteX642" fmla="*/ 6260659 w 10354976"/>
              <a:gd name="connsiteY642" fmla="*/ 6254408 h 6857967"/>
              <a:gd name="connsiteX643" fmla="*/ 6260659 w 10354976"/>
              <a:gd name="connsiteY643" fmla="*/ 6183107 h 6857967"/>
              <a:gd name="connsiteX644" fmla="*/ 6046689 w 10354976"/>
              <a:gd name="connsiteY644" fmla="*/ 6183107 h 6857967"/>
              <a:gd name="connsiteX645" fmla="*/ 6046689 w 10354976"/>
              <a:gd name="connsiteY645" fmla="*/ 6254408 h 6857967"/>
              <a:gd name="connsiteX646" fmla="*/ 6117986 w 10354976"/>
              <a:gd name="connsiteY646" fmla="*/ 6254408 h 6857967"/>
              <a:gd name="connsiteX647" fmla="*/ 6117986 w 10354976"/>
              <a:gd name="connsiteY647" fmla="*/ 6183107 h 6857967"/>
              <a:gd name="connsiteX648" fmla="*/ 5904023 w 10354976"/>
              <a:gd name="connsiteY648" fmla="*/ 6183107 h 6857967"/>
              <a:gd name="connsiteX649" fmla="*/ 5904023 w 10354976"/>
              <a:gd name="connsiteY649" fmla="*/ 6254408 h 6857967"/>
              <a:gd name="connsiteX650" fmla="*/ 5975319 w 10354976"/>
              <a:gd name="connsiteY650" fmla="*/ 6254408 h 6857967"/>
              <a:gd name="connsiteX651" fmla="*/ 5975319 w 10354976"/>
              <a:gd name="connsiteY651" fmla="*/ 6183107 h 6857967"/>
              <a:gd name="connsiteX652" fmla="*/ 5761426 w 10354976"/>
              <a:gd name="connsiteY652" fmla="*/ 6183107 h 6857967"/>
              <a:gd name="connsiteX653" fmla="*/ 5761426 w 10354976"/>
              <a:gd name="connsiteY653" fmla="*/ 6254408 h 6857967"/>
              <a:gd name="connsiteX654" fmla="*/ 5832724 w 10354976"/>
              <a:gd name="connsiteY654" fmla="*/ 6254408 h 6857967"/>
              <a:gd name="connsiteX655" fmla="*/ 5832724 w 10354976"/>
              <a:gd name="connsiteY655" fmla="*/ 6183107 h 6857967"/>
              <a:gd name="connsiteX656" fmla="*/ 5618761 w 10354976"/>
              <a:gd name="connsiteY656" fmla="*/ 6183107 h 6857967"/>
              <a:gd name="connsiteX657" fmla="*/ 5618761 w 10354976"/>
              <a:gd name="connsiteY657" fmla="*/ 6254408 h 6857967"/>
              <a:gd name="connsiteX658" fmla="*/ 5690059 w 10354976"/>
              <a:gd name="connsiteY658" fmla="*/ 6254408 h 6857967"/>
              <a:gd name="connsiteX659" fmla="*/ 5690059 w 10354976"/>
              <a:gd name="connsiteY659" fmla="*/ 6183107 h 6857967"/>
              <a:gd name="connsiteX660" fmla="*/ 5476167 w 10354976"/>
              <a:gd name="connsiteY660" fmla="*/ 6183107 h 6857967"/>
              <a:gd name="connsiteX661" fmla="*/ 5476167 w 10354976"/>
              <a:gd name="connsiteY661" fmla="*/ 6254408 h 6857967"/>
              <a:gd name="connsiteX662" fmla="*/ 5547465 w 10354976"/>
              <a:gd name="connsiteY662" fmla="*/ 6254408 h 6857967"/>
              <a:gd name="connsiteX663" fmla="*/ 5547465 w 10354976"/>
              <a:gd name="connsiteY663" fmla="*/ 6183107 h 6857967"/>
              <a:gd name="connsiteX664" fmla="*/ 5333502 w 10354976"/>
              <a:gd name="connsiteY664" fmla="*/ 6183107 h 6857967"/>
              <a:gd name="connsiteX665" fmla="*/ 5333502 w 10354976"/>
              <a:gd name="connsiteY665" fmla="*/ 6254408 h 6857967"/>
              <a:gd name="connsiteX666" fmla="*/ 5404799 w 10354976"/>
              <a:gd name="connsiteY666" fmla="*/ 6254408 h 6857967"/>
              <a:gd name="connsiteX667" fmla="*/ 5404799 w 10354976"/>
              <a:gd name="connsiteY667" fmla="*/ 6183107 h 6857967"/>
              <a:gd name="connsiteX668" fmla="*/ 5190877 w 10354976"/>
              <a:gd name="connsiteY668" fmla="*/ 6183107 h 6857967"/>
              <a:gd name="connsiteX669" fmla="*/ 5190877 w 10354976"/>
              <a:gd name="connsiteY669" fmla="*/ 6254408 h 6857967"/>
              <a:gd name="connsiteX670" fmla="*/ 5262188 w 10354976"/>
              <a:gd name="connsiteY670" fmla="*/ 6254408 h 6857967"/>
              <a:gd name="connsiteX671" fmla="*/ 5262188 w 10354976"/>
              <a:gd name="connsiteY671" fmla="*/ 6183107 h 6857967"/>
              <a:gd name="connsiteX672" fmla="*/ 5048236 w 10354976"/>
              <a:gd name="connsiteY672" fmla="*/ 6183107 h 6857967"/>
              <a:gd name="connsiteX673" fmla="*/ 5048236 w 10354976"/>
              <a:gd name="connsiteY673" fmla="*/ 6254408 h 6857967"/>
              <a:gd name="connsiteX674" fmla="*/ 5119528 w 10354976"/>
              <a:gd name="connsiteY674" fmla="*/ 6254408 h 6857967"/>
              <a:gd name="connsiteX675" fmla="*/ 5119528 w 10354976"/>
              <a:gd name="connsiteY675" fmla="*/ 6183107 h 6857967"/>
              <a:gd name="connsiteX676" fmla="*/ 4906607 w 10354976"/>
              <a:gd name="connsiteY676" fmla="*/ 6183107 h 6857967"/>
              <a:gd name="connsiteX677" fmla="*/ 4906607 w 10354976"/>
              <a:gd name="connsiteY677" fmla="*/ 6254408 h 6857967"/>
              <a:gd name="connsiteX678" fmla="*/ 4977916 w 10354976"/>
              <a:gd name="connsiteY678" fmla="*/ 6254408 h 6857967"/>
              <a:gd name="connsiteX679" fmla="*/ 4977916 w 10354976"/>
              <a:gd name="connsiteY679" fmla="*/ 6183107 h 6857967"/>
              <a:gd name="connsiteX680" fmla="*/ 4764013 w 10354976"/>
              <a:gd name="connsiteY680" fmla="*/ 6183107 h 6857967"/>
              <a:gd name="connsiteX681" fmla="*/ 4764013 w 10354976"/>
              <a:gd name="connsiteY681" fmla="*/ 6254408 h 6857967"/>
              <a:gd name="connsiteX682" fmla="*/ 4835311 w 10354976"/>
              <a:gd name="connsiteY682" fmla="*/ 6254408 h 6857967"/>
              <a:gd name="connsiteX683" fmla="*/ 4835311 w 10354976"/>
              <a:gd name="connsiteY683" fmla="*/ 6183107 h 6857967"/>
              <a:gd name="connsiteX684" fmla="*/ 4621342 w 10354976"/>
              <a:gd name="connsiteY684" fmla="*/ 6183107 h 6857967"/>
              <a:gd name="connsiteX685" fmla="*/ 4621342 w 10354976"/>
              <a:gd name="connsiteY685" fmla="*/ 6254408 h 6857967"/>
              <a:gd name="connsiteX686" fmla="*/ 4692639 w 10354976"/>
              <a:gd name="connsiteY686" fmla="*/ 6254408 h 6857967"/>
              <a:gd name="connsiteX687" fmla="*/ 4692639 w 10354976"/>
              <a:gd name="connsiteY687" fmla="*/ 6183107 h 6857967"/>
              <a:gd name="connsiteX688" fmla="*/ 4478666 w 10354976"/>
              <a:gd name="connsiteY688" fmla="*/ 6183107 h 6857967"/>
              <a:gd name="connsiteX689" fmla="*/ 4478666 w 10354976"/>
              <a:gd name="connsiteY689" fmla="*/ 6254408 h 6857967"/>
              <a:gd name="connsiteX690" fmla="*/ 4549969 w 10354976"/>
              <a:gd name="connsiteY690" fmla="*/ 6254408 h 6857967"/>
              <a:gd name="connsiteX691" fmla="*/ 4549969 w 10354976"/>
              <a:gd name="connsiteY691" fmla="*/ 6183107 h 6857967"/>
              <a:gd name="connsiteX692" fmla="*/ 4336068 w 10354976"/>
              <a:gd name="connsiteY692" fmla="*/ 6183107 h 6857967"/>
              <a:gd name="connsiteX693" fmla="*/ 4336068 w 10354976"/>
              <a:gd name="connsiteY693" fmla="*/ 6254408 h 6857967"/>
              <a:gd name="connsiteX694" fmla="*/ 4407366 w 10354976"/>
              <a:gd name="connsiteY694" fmla="*/ 6254408 h 6857967"/>
              <a:gd name="connsiteX695" fmla="*/ 4407366 w 10354976"/>
              <a:gd name="connsiteY695" fmla="*/ 6183107 h 6857967"/>
              <a:gd name="connsiteX696" fmla="*/ 4193413 w 10354976"/>
              <a:gd name="connsiteY696" fmla="*/ 6183107 h 6857967"/>
              <a:gd name="connsiteX697" fmla="*/ 4193413 w 10354976"/>
              <a:gd name="connsiteY697" fmla="*/ 6254408 h 6857967"/>
              <a:gd name="connsiteX698" fmla="*/ 4264695 w 10354976"/>
              <a:gd name="connsiteY698" fmla="*/ 6254408 h 6857967"/>
              <a:gd name="connsiteX699" fmla="*/ 4264695 w 10354976"/>
              <a:gd name="connsiteY699" fmla="*/ 6183107 h 6857967"/>
              <a:gd name="connsiteX700" fmla="*/ 4050810 w 10354976"/>
              <a:gd name="connsiteY700" fmla="*/ 6183107 h 6857967"/>
              <a:gd name="connsiteX701" fmla="*/ 4050810 w 10354976"/>
              <a:gd name="connsiteY701" fmla="*/ 6254408 h 6857967"/>
              <a:gd name="connsiteX702" fmla="*/ 4122113 w 10354976"/>
              <a:gd name="connsiteY702" fmla="*/ 6254408 h 6857967"/>
              <a:gd name="connsiteX703" fmla="*/ 4122113 w 10354976"/>
              <a:gd name="connsiteY703" fmla="*/ 6183107 h 6857967"/>
              <a:gd name="connsiteX704" fmla="*/ 3908136 w 10354976"/>
              <a:gd name="connsiteY704" fmla="*/ 6183107 h 6857967"/>
              <a:gd name="connsiteX705" fmla="*/ 3908136 w 10354976"/>
              <a:gd name="connsiteY705" fmla="*/ 6254408 h 6857967"/>
              <a:gd name="connsiteX706" fmla="*/ 3979438 w 10354976"/>
              <a:gd name="connsiteY706" fmla="*/ 6254408 h 6857967"/>
              <a:gd name="connsiteX707" fmla="*/ 3979438 w 10354976"/>
              <a:gd name="connsiteY707" fmla="*/ 6183107 h 6857967"/>
              <a:gd name="connsiteX708" fmla="*/ 3765462 w 10354976"/>
              <a:gd name="connsiteY708" fmla="*/ 6183107 h 6857967"/>
              <a:gd name="connsiteX709" fmla="*/ 3765462 w 10354976"/>
              <a:gd name="connsiteY709" fmla="*/ 6254408 h 6857967"/>
              <a:gd name="connsiteX710" fmla="*/ 3836763 w 10354976"/>
              <a:gd name="connsiteY710" fmla="*/ 6254408 h 6857967"/>
              <a:gd name="connsiteX711" fmla="*/ 3836763 w 10354976"/>
              <a:gd name="connsiteY711" fmla="*/ 6183107 h 6857967"/>
              <a:gd name="connsiteX712" fmla="*/ 3622851 w 10354976"/>
              <a:gd name="connsiteY712" fmla="*/ 6183107 h 6857967"/>
              <a:gd name="connsiteX713" fmla="*/ 3622851 w 10354976"/>
              <a:gd name="connsiteY713" fmla="*/ 6254408 h 6857967"/>
              <a:gd name="connsiteX714" fmla="*/ 3694151 w 10354976"/>
              <a:gd name="connsiteY714" fmla="*/ 6254408 h 6857967"/>
              <a:gd name="connsiteX715" fmla="*/ 3694151 w 10354976"/>
              <a:gd name="connsiteY715" fmla="*/ 6183107 h 6857967"/>
              <a:gd name="connsiteX716" fmla="*/ 3480203 w 10354976"/>
              <a:gd name="connsiteY716" fmla="*/ 6183107 h 6857967"/>
              <a:gd name="connsiteX717" fmla="*/ 3480203 w 10354976"/>
              <a:gd name="connsiteY717" fmla="*/ 6254408 h 6857967"/>
              <a:gd name="connsiteX718" fmla="*/ 3551509 w 10354976"/>
              <a:gd name="connsiteY718" fmla="*/ 6254408 h 6857967"/>
              <a:gd name="connsiteX719" fmla="*/ 3551509 w 10354976"/>
              <a:gd name="connsiteY719" fmla="*/ 6183107 h 6857967"/>
              <a:gd name="connsiteX720" fmla="*/ 3337580 w 10354976"/>
              <a:gd name="connsiteY720" fmla="*/ 6183107 h 6857967"/>
              <a:gd name="connsiteX721" fmla="*/ 3337580 w 10354976"/>
              <a:gd name="connsiteY721" fmla="*/ 6254408 h 6857967"/>
              <a:gd name="connsiteX722" fmla="*/ 3408881 w 10354976"/>
              <a:gd name="connsiteY722" fmla="*/ 6254408 h 6857967"/>
              <a:gd name="connsiteX723" fmla="*/ 3408881 w 10354976"/>
              <a:gd name="connsiteY723" fmla="*/ 6183107 h 6857967"/>
              <a:gd name="connsiteX724" fmla="*/ 3194906 w 10354976"/>
              <a:gd name="connsiteY724" fmla="*/ 6183107 h 6857967"/>
              <a:gd name="connsiteX725" fmla="*/ 3194906 w 10354976"/>
              <a:gd name="connsiteY725" fmla="*/ 6254408 h 6857967"/>
              <a:gd name="connsiteX726" fmla="*/ 3266208 w 10354976"/>
              <a:gd name="connsiteY726" fmla="*/ 6254408 h 6857967"/>
              <a:gd name="connsiteX727" fmla="*/ 3266208 w 10354976"/>
              <a:gd name="connsiteY727" fmla="*/ 6183107 h 6857967"/>
              <a:gd name="connsiteX728" fmla="*/ 3052305 w 10354976"/>
              <a:gd name="connsiteY728" fmla="*/ 6183107 h 6857967"/>
              <a:gd name="connsiteX729" fmla="*/ 3052305 w 10354976"/>
              <a:gd name="connsiteY729" fmla="*/ 6254408 h 6857967"/>
              <a:gd name="connsiteX730" fmla="*/ 3123607 w 10354976"/>
              <a:gd name="connsiteY730" fmla="*/ 6254408 h 6857967"/>
              <a:gd name="connsiteX731" fmla="*/ 3123607 w 10354976"/>
              <a:gd name="connsiteY731" fmla="*/ 6183107 h 6857967"/>
              <a:gd name="connsiteX732" fmla="*/ 2909634 w 10354976"/>
              <a:gd name="connsiteY732" fmla="*/ 6183107 h 6857967"/>
              <a:gd name="connsiteX733" fmla="*/ 2909634 w 10354976"/>
              <a:gd name="connsiteY733" fmla="*/ 6254408 h 6857967"/>
              <a:gd name="connsiteX734" fmla="*/ 2980934 w 10354976"/>
              <a:gd name="connsiteY734" fmla="*/ 6254408 h 6857967"/>
              <a:gd name="connsiteX735" fmla="*/ 2980934 w 10354976"/>
              <a:gd name="connsiteY735" fmla="*/ 6183107 h 6857967"/>
              <a:gd name="connsiteX736" fmla="*/ 2767033 w 10354976"/>
              <a:gd name="connsiteY736" fmla="*/ 6183107 h 6857967"/>
              <a:gd name="connsiteX737" fmla="*/ 2767033 w 10354976"/>
              <a:gd name="connsiteY737" fmla="*/ 6254408 h 6857967"/>
              <a:gd name="connsiteX738" fmla="*/ 2838334 w 10354976"/>
              <a:gd name="connsiteY738" fmla="*/ 6254408 h 6857967"/>
              <a:gd name="connsiteX739" fmla="*/ 2838334 w 10354976"/>
              <a:gd name="connsiteY739" fmla="*/ 6183107 h 6857967"/>
              <a:gd name="connsiteX740" fmla="*/ 2624361 w 10354976"/>
              <a:gd name="connsiteY740" fmla="*/ 6183107 h 6857967"/>
              <a:gd name="connsiteX741" fmla="*/ 2624361 w 10354976"/>
              <a:gd name="connsiteY741" fmla="*/ 6254408 h 6857967"/>
              <a:gd name="connsiteX742" fmla="*/ 2695661 w 10354976"/>
              <a:gd name="connsiteY742" fmla="*/ 6254408 h 6857967"/>
              <a:gd name="connsiteX743" fmla="*/ 2695661 w 10354976"/>
              <a:gd name="connsiteY743" fmla="*/ 6183107 h 6857967"/>
              <a:gd name="connsiteX744" fmla="*/ 2481690 w 10354976"/>
              <a:gd name="connsiteY744" fmla="*/ 6183107 h 6857967"/>
              <a:gd name="connsiteX745" fmla="*/ 2481690 w 10354976"/>
              <a:gd name="connsiteY745" fmla="*/ 6254408 h 6857967"/>
              <a:gd name="connsiteX746" fmla="*/ 2552991 w 10354976"/>
              <a:gd name="connsiteY746" fmla="*/ 6254408 h 6857967"/>
              <a:gd name="connsiteX747" fmla="*/ 2552991 w 10354976"/>
              <a:gd name="connsiteY747" fmla="*/ 6183107 h 6857967"/>
              <a:gd name="connsiteX748" fmla="*/ 2339091 w 10354976"/>
              <a:gd name="connsiteY748" fmla="*/ 6183107 h 6857967"/>
              <a:gd name="connsiteX749" fmla="*/ 2339091 w 10354976"/>
              <a:gd name="connsiteY749" fmla="*/ 6254408 h 6857967"/>
              <a:gd name="connsiteX750" fmla="*/ 2410392 w 10354976"/>
              <a:gd name="connsiteY750" fmla="*/ 6254408 h 6857967"/>
              <a:gd name="connsiteX751" fmla="*/ 2410392 w 10354976"/>
              <a:gd name="connsiteY751" fmla="*/ 6183107 h 6857967"/>
              <a:gd name="connsiteX752" fmla="*/ 2196420 w 10354976"/>
              <a:gd name="connsiteY752" fmla="*/ 6183107 h 6857967"/>
              <a:gd name="connsiteX753" fmla="*/ 2196420 w 10354976"/>
              <a:gd name="connsiteY753" fmla="*/ 6254408 h 6857967"/>
              <a:gd name="connsiteX754" fmla="*/ 2267721 w 10354976"/>
              <a:gd name="connsiteY754" fmla="*/ 6254408 h 6857967"/>
              <a:gd name="connsiteX755" fmla="*/ 2267721 w 10354976"/>
              <a:gd name="connsiteY755" fmla="*/ 6183107 h 6857967"/>
              <a:gd name="connsiteX756" fmla="*/ 2053813 w 10354976"/>
              <a:gd name="connsiteY756" fmla="*/ 6183107 h 6857967"/>
              <a:gd name="connsiteX757" fmla="*/ 2053813 w 10354976"/>
              <a:gd name="connsiteY757" fmla="*/ 6254408 h 6857967"/>
              <a:gd name="connsiteX758" fmla="*/ 2125117 w 10354976"/>
              <a:gd name="connsiteY758" fmla="*/ 6254408 h 6857967"/>
              <a:gd name="connsiteX759" fmla="*/ 2125117 w 10354976"/>
              <a:gd name="connsiteY759" fmla="*/ 6183107 h 6857967"/>
              <a:gd name="connsiteX760" fmla="*/ 1911141 w 10354976"/>
              <a:gd name="connsiteY760" fmla="*/ 6183107 h 6857967"/>
              <a:gd name="connsiteX761" fmla="*/ 1911141 w 10354976"/>
              <a:gd name="connsiteY761" fmla="*/ 6254408 h 6857967"/>
              <a:gd name="connsiteX762" fmla="*/ 1982442 w 10354976"/>
              <a:gd name="connsiteY762" fmla="*/ 6254408 h 6857967"/>
              <a:gd name="connsiteX763" fmla="*/ 1982442 w 10354976"/>
              <a:gd name="connsiteY763" fmla="*/ 6183107 h 6857967"/>
              <a:gd name="connsiteX764" fmla="*/ 1768470 w 10354976"/>
              <a:gd name="connsiteY764" fmla="*/ 6183107 h 6857967"/>
              <a:gd name="connsiteX765" fmla="*/ 1768470 w 10354976"/>
              <a:gd name="connsiteY765" fmla="*/ 6254408 h 6857967"/>
              <a:gd name="connsiteX766" fmla="*/ 1839771 w 10354976"/>
              <a:gd name="connsiteY766" fmla="*/ 6254408 h 6857967"/>
              <a:gd name="connsiteX767" fmla="*/ 1839771 w 10354976"/>
              <a:gd name="connsiteY767" fmla="*/ 6183107 h 6857967"/>
              <a:gd name="connsiteX768" fmla="*/ 1625870 w 10354976"/>
              <a:gd name="connsiteY768" fmla="*/ 6183107 h 6857967"/>
              <a:gd name="connsiteX769" fmla="*/ 1625870 w 10354976"/>
              <a:gd name="connsiteY769" fmla="*/ 6254408 h 6857967"/>
              <a:gd name="connsiteX770" fmla="*/ 1697171 w 10354976"/>
              <a:gd name="connsiteY770" fmla="*/ 6254408 h 6857967"/>
              <a:gd name="connsiteX771" fmla="*/ 1697171 w 10354976"/>
              <a:gd name="connsiteY771" fmla="*/ 6183107 h 6857967"/>
              <a:gd name="connsiteX772" fmla="*/ 1483199 w 10354976"/>
              <a:gd name="connsiteY772" fmla="*/ 6183107 h 6857967"/>
              <a:gd name="connsiteX773" fmla="*/ 1483199 w 10354976"/>
              <a:gd name="connsiteY773" fmla="*/ 6254408 h 6857967"/>
              <a:gd name="connsiteX774" fmla="*/ 1554500 w 10354976"/>
              <a:gd name="connsiteY774" fmla="*/ 6254408 h 6857967"/>
              <a:gd name="connsiteX775" fmla="*/ 1554500 w 10354976"/>
              <a:gd name="connsiteY775" fmla="*/ 6183107 h 6857967"/>
              <a:gd name="connsiteX776" fmla="*/ 1340599 w 10354976"/>
              <a:gd name="connsiteY776" fmla="*/ 6183107 h 6857967"/>
              <a:gd name="connsiteX777" fmla="*/ 1340599 w 10354976"/>
              <a:gd name="connsiteY777" fmla="*/ 6254408 h 6857967"/>
              <a:gd name="connsiteX778" fmla="*/ 1411901 w 10354976"/>
              <a:gd name="connsiteY778" fmla="*/ 6254408 h 6857967"/>
              <a:gd name="connsiteX779" fmla="*/ 1411901 w 10354976"/>
              <a:gd name="connsiteY779" fmla="*/ 6183107 h 6857967"/>
              <a:gd name="connsiteX780" fmla="*/ 1197929 w 10354976"/>
              <a:gd name="connsiteY780" fmla="*/ 6183107 h 6857967"/>
              <a:gd name="connsiteX781" fmla="*/ 1197929 w 10354976"/>
              <a:gd name="connsiteY781" fmla="*/ 6254408 h 6857967"/>
              <a:gd name="connsiteX782" fmla="*/ 1269230 w 10354976"/>
              <a:gd name="connsiteY782" fmla="*/ 6254408 h 6857967"/>
              <a:gd name="connsiteX783" fmla="*/ 1269230 w 10354976"/>
              <a:gd name="connsiteY783" fmla="*/ 6183107 h 6857967"/>
              <a:gd name="connsiteX784" fmla="*/ 1055311 w 10354976"/>
              <a:gd name="connsiteY784" fmla="*/ 6183107 h 6857967"/>
              <a:gd name="connsiteX785" fmla="*/ 1055311 w 10354976"/>
              <a:gd name="connsiteY785" fmla="*/ 6254408 h 6857967"/>
              <a:gd name="connsiteX786" fmla="*/ 1126612 w 10354976"/>
              <a:gd name="connsiteY786" fmla="*/ 6254408 h 6857967"/>
              <a:gd name="connsiteX787" fmla="*/ 1126612 w 10354976"/>
              <a:gd name="connsiteY787" fmla="*/ 6183107 h 6857967"/>
              <a:gd name="connsiteX788" fmla="*/ 912657 w 10354976"/>
              <a:gd name="connsiteY788" fmla="*/ 6183107 h 6857967"/>
              <a:gd name="connsiteX789" fmla="*/ 912657 w 10354976"/>
              <a:gd name="connsiteY789" fmla="*/ 6254408 h 6857967"/>
              <a:gd name="connsiteX790" fmla="*/ 983958 w 10354976"/>
              <a:gd name="connsiteY790" fmla="*/ 6254408 h 6857967"/>
              <a:gd name="connsiteX791" fmla="*/ 983958 w 10354976"/>
              <a:gd name="connsiteY791" fmla="*/ 6183107 h 6857967"/>
              <a:gd name="connsiteX792" fmla="*/ 771136 w 10354976"/>
              <a:gd name="connsiteY792" fmla="*/ 6183107 h 6857967"/>
              <a:gd name="connsiteX793" fmla="*/ 771136 w 10354976"/>
              <a:gd name="connsiteY793" fmla="*/ 6254408 h 6857967"/>
              <a:gd name="connsiteX794" fmla="*/ 842437 w 10354976"/>
              <a:gd name="connsiteY794" fmla="*/ 6254408 h 6857967"/>
              <a:gd name="connsiteX795" fmla="*/ 842437 w 10354976"/>
              <a:gd name="connsiteY795" fmla="*/ 6183107 h 6857967"/>
              <a:gd name="connsiteX796" fmla="*/ 628534 w 10354976"/>
              <a:gd name="connsiteY796" fmla="*/ 6183107 h 6857967"/>
              <a:gd name="connsiteX797" fmla="*/ 628534 w 10354976"/>
              <a:gd name="connsiteY797" fmla="*/ 6254408 h 6857967"/>
              <a:gd name="connsiteX798" fmla="*/ 699835 w 10354976"/>
              <a:gd name="connsiteY798" fmla="*/ 6254408 h 6857967"/>
              <a:gd name="connsiteX799" fmla="*/ 699835 w 10354976"/>
              <a:gd name="connsiteY799" fmla="*/ 6183107 h 6857967"/>
              <a:gd name="connsiteX800" fmla="*/ 485863 w 10354976"/>
              <a:gd name="connsiteY800" fmla="*/ 6183107 h 6857967"/>
              <a:gd name="connsiteX801" fmla="*/ 485863 w 10354976"/>
              <a:gd name="connsiteY801" fmla="*/ 6254408 h 6857967"/>
              <a:gd name="connsiteX802" fmla="*/ 557163 w 10354976"/>
              <a:gd name="connsiteY802" fmla="*/ 6254408 h 6857967"/>
              <a:gd name="connsiteX803" fmla="*/ 557163 w 10354976"/>
              <a:gd name="connsiteY803" fmla="*/ 6183107 h 6857967"/>
              <a:gd name="connsiteX804" fmla="*/ 343191 w 10354976"/>
              <a:gd name="connsiteY804" fmla="*/ 6183107 h 6857967"/>
              <a:gd name="connsiteX805" fmla="*/ 343191 w 10354976"/>
              <a:gd name="connsiteY805" fmla="*/ 6254408 h 6857967"/>
              <a:gd name="connsiteX806" fmla="*/ 414492 w 10354976"/>
              <a:gd name="connsiteY806" fmla="*/ 6254408 h 6857967"/>
              <a:gd name="connsiteX807" fmla="*/ 414492 w 10354976"/>
              <a:gd name="connsiteY807" fmla="*/ 6183107 h 6857967"/>
              <a:gd name="connsiteX808" fmla="*/ 200590 w 10354976"/>
              <a:gd name="connsiteY808" fmla="*/ 6183107 h 6857967"/>
              <a:gd name="connsiteX809" fmla="*/ 200590 w 10354976"/>
              <a:gd name="connsiteY809" fmla="*/ 6254408 h 6857967"/>
              <a:gd name="connsiteX810" fmla="*/ 271891 w 10354976"/>
              <a:gd name="connsiteY810" fmla="*/ 6254408 h 6857967"/>
              <a:gd name="connsiteX811" fmla="*/ 271891 w 10354976"/>
              <a:gd name="connsiteY811" fmla="*/ 6183107 h 6857967"/>
              <a:gd name="connsiteX812" fmla="*/ 57918 w 10354976"/>
              <a:gd name="connsiteY812" fmla="*/ 6183107 h 6857967"/>
              <a:gd name="connsiteX813" fmla="*/ 57918 w 10354976"/>
              <a:gd name="connsiteY813" fmla="*/ 6254408 h 6857967"/>
              <a:gd name="connsiteX814" fmla="*/ 129219 w 10354976"/>
              <a:gd name="connsiteY814" fmla="*/ 6254408 h 6857967"/>
              <a:gd name="connsiteX815" fmla="*/ 129219 w 10354976"/>
              <a:gd name="connsiteY815" fmla="*/ 6183107 h 6857967"/>
              <a:gd name="connsiteX816" fmla="*/ 10040665 w 10354976"/>
              <a:gd name="connsiteY816" fmla="*/ 6040435 h 6857967"/>
              <a:gd name="connsiteX817" fmla="*/ 10040665 w 10354976"/>
              <a:gd name="connsiteY817" fmla="*/ 6111736 h 6857967"/>
              <a:gd name="connsiteX818" fmla="*/ 10111966 w 10354976"/>
              <a:gd name="connsiteY818" fmla="*/ 6111736 h 6857967"/>
              <a:gd name="connsiteX819" fmla="*/ 10111966 w 10354976"/>
              <a:gd name="connsiteY819" fmla="*/ 6040435 h 6857967"/>
              <a:gd name="connsiteX820" fmla="*/ 9898063 w 10354976"/>
              <a:gd name="connsiteY820" fmla="*/ 6040435 h 6857967"/>
              <a:gd name="connsiteX821" fmla="*/ 9898063 w 10354976"/>
              <a:gd name="connsiteY821" fmla="*/ 6111736 h 6857967"/>
              <a:gd name="connsiteX822" fmla="*/ 9969363 w 10354976"/>
              <a:gd name="connsiteY822" fmla="*/ 6111736 h 6857967"/>
              <a:gd name="connsiteX823" fmla="*/ 9969363 w 10354976"/>
              <a:gd name="connsiteY823" fmla="*/ 6040435 h 6857967"/>
              <a:gd name="connsiteX824" fmla="*/ 9755391 w 10354976"/>
              <a:gd name="connsiteY824" fmla="*/ 6040435 h 6857967"/>
              <a:gd name="connsiteX825" fmla="*/ 9755391 w 10354976"/>
              <a:gd name="connsiteY825" fmla="*/ 6111736 h 6857967"/>
              <a:gd name="connsiteX826" fmla="*/ 9826692 w 10354976"/>
              <a:gd name="connsiteY826" fmla="*/ 6111736 h 6857967"/>
              <a:gd name="connsiteX827" fmla="*/ 9826692 w 10354976"/>
              <a:gd name="connsiteY827" fmla="*/ 6040435 h 6857967"/>
              <a:gd name="connsiteX828" fmla="*/ 9612718 w 10354976"/>
              <a:gd name="connsiteY828" fmla="*/ 6040435 h 6857967"/>
              <a:gd name="connsiteX829" fmla="*/ 9612718 w 10354976"/>
              <a:gd name="connsiteY829" fmla="*/ 6111736 h 6857967"/>
              <a:gd name="connsiteX830" fmla="*/ 9684019 w 10354976"/>
              <a:gd name="connsiteY830" fmla="*/ 6111736 h 6857967"/>
              <a:gd name="connsiteX831" fmla="*/ 9684019 w 10354976"/>
              <a:gd name="connsiteY831" fmla="*/ 6040435 h 6857967"/>
              <a:gd name="connsiteX832" fmla="*/ 9470117 w 10354976"/>
              <a:gd name="connsiteY832" fmla="*/ 6040435 h 6857967"/>
              <a:gd name="connsiteX833" fmla="*/ 9470117 w 10354976"/>
              <a:gd name="connsiteY833" fmla="*/ 6111736 h 6857967"/>
              <a:gd name="connsiteX834" fmla="*/ 9541417 w 10354976"/>
              <a:gd name="connsiteY834" fmla="*/ 6111736 h 6857967"/>
              <a:gd name="connsiteX835" fmla="*/ 9541417 w 10354976"/>
              <a:gd name="connsiteY835" fmla="*/ 6040435 h 6857967"/>
              <a:gd name="connsiteX836" fmla="*/ 9327444 w 10354976"/>
              <a:gd name="connsiteY836" fmla="*/ 6040435 h 6857967"/>
              <a:gd name="connsiteX837" fmla="*/ 9327444 w 10354976"/>
              <a:gd name="connsiteY837" fmla="*/ 6111736 h 6857967"/>
              <a:gd name="connsiteX838" fmla="*/ 9398745 w 10354976"/>
              <a:gd name="connsiteY838" fmla="*/ 6111736 h 6857967"/>
              <a:gd name="connsiteX839" fmla="*/ 9398745 w 10354976"/>
              <a:gd name="connsiteY839" fmla="*/ 6040435 h 6857967"/>
              <a:gd name="connsiteX840" fmla="*/ 9184842 w 10354976"/>
              <a:gd name="connsiteY840" fmla="*/ 6040435 h 6857967"/>
              <a:gd name="connsiteX841" fmla="*/ 9184842 w 10354976"/>
              <a:gd name="connsiteY841" fmla="*/ 6111736 h 6857967"/>
              <a:gd name="connsiteX842" fmla="*/ 9256143 w 10354976"/>
              <a:gd name="connsiteY842" fmla="*/ 6111736 h 6857967"/>
              <a:gd name="connsiteX843" fmla="*/ 9256143 w 10354976"/>
              <a:gd name="connsiteY843" fmla="*/ 6040435 h 6857967"/>
              <a:gd name="connsiteX844" fmla="*/ 9042170 w 10354976"/>
              <a:gd name="connsiteY844" fmla="*/ 6040435 h 6857967"/>
              <a:gd name="connsiteX845" fmla="*/ 9042170 w 10354976"/>
              <a:gd name="connsiteY845" fmla="*/ 6111736 h 6857967"/>
              <a:gd name="connsiteX846" fmla="*/ 9113471 w 10354976"/>
              <a:gd name="connsiteY846" fmla="*/ 6111736 h 6857967"/>
              <a:gd name="connsiteX847" fmla="*/ 9113471 w 10354976"/>
              <a:gd name="connsiteY847" fmla="*/ 6040435 h 6857967"/>
              <a:gd name="connsiteX848" fmla="*/ 8899568 w 10354976"/>
              <a:gd name="connsiteY848" fmla="*/ 6040435 h 6857967"/>
              <a:gd name="connsiteX849" fmla="*/ 8899568 w 10354976"/>
              <a:gd name="connsiteY849" fmla="*/ 6111736 h 6857967"/>
              <a:gd name="connsiteX850" fmla="*/ 8970869 w 10354976"/>
              <a:gd name="connsiteY850" fmla="*/ 6111736 h 6857967"/>
              <a:gd name="connsiteX851" fmla="*/ 8970869 w 10354976"/>
              <a:gd name="connsiteY851" fmla="*/ 6040435 h 6857967"/>
              <a:gd name="connsiteX852" fmla="*/ 8756896 w 10354976"/>
              <a:gd name="connsiteY852" fmla="*/ 6040435 h 6857967"/>
              <a:gd name="connsiteX853" fmla="*/ 8756896 w 10354976"/>
              <a:gd name="connsiteY853" fmla="*/ 6111736 h 6857967"/>
              <a:gd name="connsiteX854" fmla="*/ 8828196 w 10354976"/>
              <a:gd name="connsiteY854" fmla="*/ 6111736 h 6857967"/>
              <a:gd name="connsiteX855" fmla="*/ 8828196 w 10354976"/>
              <a:gd name="connsiteY855" fmla="*/ 6040435 h 6857967"/>
              <a:gd name="connsiteX856" fmla="*/ 8614223 w 10354976"/>
              <a:gd name="connsiteY856" fmla="*/ 6040435 h 6857967"/>
              <a:gd name="connsiteX857" fmla="*/ 8614223 w 10354976"/>
              <a:gd name="connsiteY857" fmla="*/ 6111736 h 6857967"/>
              <a:gd name="connsiteX858" fmla="*/ 8685524 w 10354976"/>
              <a:gd name="connsiteY858" fmla="*/ 6111736 h 6857967"/>
              <a:gd name="connsiteX859" fmla="*/ 8685524 w 10354976"/>
              <a:gd name="connsiteY859" fmla="*/ 6040435 h 6857967"/>
              <a:gd name="connsiteX860" fmla="*/ 8471622 w 10354976"/>
              <a:gd name="connsiteY860" fmla="*/ 6040435 h 6857967"/>
              <a:gd name="connsiteX861" fmla="*/ 8471622 w 10354976"/>
              <a:gd name="connsiteY861" fmla="*/ 6111736 h 6857967"/>
              <a:gd name="connsiteX862" fmla="*/ 8542923 w 10354976"/>
              <a:gd name="connsiteY862" fmla="*/ 6111736 h 6857967"/>
              <a:gd name="connsiteX863" fmla="*/ 8542923 w 10354976"/>
              <a:gd name="connsiteY863" fmla="*/ 6040435 h 6857967"/>
              <a:gd name="connsiteX864" fmla="*/ 8328949 w 10354976"/>
              <a:gd name="connsiteY864" fmla="*/ 6040435 h 6857967"/>
              <a:gd name="connsiteX865" fmla="*/ 8328949 w 10354976"/>
              <a:gd name="connsiteY865" fmla="*/ 6111736 h 6857967"/>
              <a:gd name="connsiteX866" fmla="*/ 8400250 w 10354976"/>
              <a:gd name="connsiteY866" fmla="*/ 6111736 h 6857967"/>
              <a:gd name="connsiteX867" fmla="*/ 8400250 w 10354976"/>
              <a:gd name="connsiteY867" fmla="*/ 6040435 h 6857967"/>
              <a:gd name="connsiteX868" fmla="*/ 8186348 w 10354976"/>
              <a:gd name="connsiteY868" fmla="*/ 6040435 h 6857967"/>
              <a:gd name="connsiteX869" fmla="*/ 8186348 w 10354976"/>
              <a:gd name="connsiteY869" fmla="*/ 6111736 h 6857967"/>
              <a:gd name="connsiteX870" fmla="*/ 8257649 w 10354976"/>
              <a:gd name="connsiteY870" fmla="*/ 6111736 h 6857967"/>
              <a:gd name="connsiteX871" fmla="*/ 8257649 w 10354976"/>
              <a:gd name="connsiteY871" fmla="*/ 6040435 h 6857967"/>
              <a:gd name="connsiteX872" fmla="*/ 8043675 w 10354976"/>
              <a:gd name="connsiteY872" fmla="*/ 6040435 h 6857967"/>
              <a:gd name="connsiteX873" fmla="*/ 8043675 w 10354976"/>
              <a:gd name="connsiteY873" fmla="*/ 6111736 h 6857967"/>
              <a:gd name="connsiteX874" fmla="*/ 8114976 w 10354976"/>
              <a:gd name="connsiteY874" fmla="*/ 6111736 h 6857967"/>
              <a:gd name="connsiteX875" fmla="*/ 8114976 w 10354976"/>
              <a:gd name="connsiteY875" fmla="*/ 6040435 h 6857967"/>
              <a:gd name="connsiteX876" fmla="*/ 7901003 w 10354976"/>
              <a:gd name="connsiteY876" fmla="*/ 6040435 h 6857967"/>
              <a:gd name="connsiteX877" fmla="*/ 7901003 w 10354976"/>
              <a:gd name="connsiteY877" fmla="*/ 6111736 h 6857967"/>
              <a:gd name="connsiteX878" fmla="*/ 7972304 w 10354976"/>
              <a:gd name="connsiteY878" fmla="*/ 6111736 h 6857967"/>
              <a:gd name="connsiteX879" fmla="*/ 7972304 w 10354976"/>
              <a:gd name="connsiteY879" fmla="*/ 6040435 h 6857967"/>
              <a:gd name="connsiteX880" fmla="*/ 7758401 w 10354976"/>
              <a:gd name="connsiteY880" fmla="*/ 6040435 h 6857967"/>
              <a:gd name="connsiteX881" fmla="*/ 7758401 w 10354976"/>
              <a:gd name="connsiteY881" fmla="*/ 6111736 h 6857967"/>
              <a:gd name="connsiteX882" fmla="*/ 7829702 w 10354976"/>
              <a:gd name="connsiteY882" fmla="*/ 6111736 h 6857967"/>
              <a:gd name="connsiteX883" fmla="*/ 7829702 w 10354976"/>
              <a:gd name="connsiteY883" fmla="*/ 6040435 h 6857967"/>
              <a:gd name="connsiteX884" fmla="*/ 7615728 w 10354976"/>
              <a:gd name="connsiteY884" fmla="*/ 6040435 h 6857967"/>
              <a:gd name="connsiteX885" fmla="*/ 7615728 w 10354976"/>
              <a:gd name="connsiteY885" fmla="*/ 6111736 h 6857967"/>
              <a:gd name="connsiteX886" fmla="*/ 7687029 w 10354976"/>
              <a:gd name="connsiteY886" fmla="*/ 6111736 h 6857967"/>
              <a:gd name="connsiteX887" fmla="*/ 7687029 w 10354976"/>
              <a:gd name="connsiteY887" fmla="*/ 6040435 h 6857967"/>
              <a:gd name="connsiteX888" fmla="*/ 7473127 w 10354976"/>
              <a:gd name="connsiteY888" fmla="*/ 6040435 h 6857967"/>
              <a:gd name="connsiteX889" fmla="*/ 7473127 w 10354976"/>
              <a:gd name="connsiteY889" fmla="*/ 6111736 h 6857967"/>
              <a:gd name="connsiteX890" fmla="*/ 7544428 w 10354976"/>
              <a:gd name="connsiteY890" fmla="*/ 6111736 h 6857967"/>
              <a:gd name="connsiteX891" fmla="*/ 7544428 w 10354976"/>
              <a:gd name="connsiteY891" fmla="*/ 6040435 h 6857967"/>
              <a:gd name="connsiteX892" fmla="*/ 7330454 w 10354976"/>
              <a:gd name="connsiteY892" fmla="*/ 6040435 h 6857967"/>
              <a:gd name="connsiteX893" fmla="*/ 7330454 w 10354976"/>
              <a:gd name="connsiteY893" fmla="*/ 6111736 h 6857967"/>
              <a:gd name="connsiteX894" fmla="*/ 7401755 w 10354976"/>
              <a:gd name="connsiteY894" fmla="*/ 6111736 h 6857967"/>
              <a:gd name="connsiteX895" fmla="*/ 7401755 w 10354976"/>
              <a:gd name="connsiteY895" fmla="*/ 6040435 h 6857967"/>
              <a:gd name="connsiteX896" fmla="*/ 7187853 w 10354976"/>
              <a:gd name="connsiteY896" fmla="*/ 6040435 h 6857967"/>
              <a:gd name="connsiteX897" fmla="*/ 7187853 w 10354976"/>
              <a:gd name="connsiteY897" fmla="*/ 6111736 h 6857967"/>
              <a:gd name="connsiteX898" fmla="*/ 7259154 w 10354976"/>
              <a:gd name="connsiteY898" fmla="*/ 6111736 h 6857967"/>
              <a:gd name="connsiteX899" fmla="*/ 7259154 w 10354976"/>
              <a:gd name="connsiteY899" fmla="*/ 6040435 h 6857967"/>
              <a:gd name="connsiteX900" fmla="*/ 7045180 w 10354976"/>
              <a:gd name="connsiteY900" fmla="*/ 6040435 h 6857967"/>
              <a:gd name="connsiteX901" fmla="*/ 7045180 w 10354976"/>
              <a:gd name="connsiteY901" fmla="*/ 6111736 h 6857967"/>
              <a:gd name="connsiteX902" fmla="*/ 7116481 w 10354976"/>
              <a:gd name="connsiteY902" fmla="*/ 6111736 h 6857967"/>
              <a:gd name="connsiteX903" fmla="*/ 7116481 w 10354976"/>
              <a:gd name="connsiteY903" fmla="*/ 6040435 h 6857967"/>
              <a:gd name="connsiteX904" fmla="*/ 6902579 w 10354976"/>
              <a:gd name="connsiteY904" fmla="*/ 6040435 h 6857967"/>
              <a:gd name="connsiteX905" fmla="*/ 6902579 w 10354976"/>
              <a:gd name="connsiteY905" fmla="*/ 6111736 h 6857967"/>
              <a:gd name="connsiteX906" fmla="*/ 6973880 w 10354976"/>
              <a:gd name="connsiteY906" fmla="*/ 6111736 h 6857967"/>
              <a:gd name="connsiteX907" fmla="*/ 6973880 w 10354976"/>
              <a:gd name="connsiteY907" fmla="*/ 6040435 h 6857967"/>
              <a:gd name="connsiteX908" fmla="*/ 6759906 w 10354976"/>
              <a:gd name="connsiteY908" fmla="*/ 6040435 h 6857967"/>
              <a:gd name="connsiteX909" fmla="*/ 6759906 w 10354976"/>
              <a:gd name="connsiteY909" fmla="*/ 6111736 h 6857967"/>
              <a:gd name="connsiteX910" fmla="*/ 6831207 w 10354976"/>
              <a:gd name="connsiteY910" fmla="*/ 6111736 h 6857967"/>
              <a:gd name="connsiteX911" fmla="*/ 6831207 w 10354976"/>
              <a:gd name="connsiteY911" fmla="*/ 6040435 h 6857967"/>
              <a:gd name="connsiteX912" fmla="*/ 6617234 w 10354976"/>
              <a:gd name="connsiteY912" fmla="*/ 6040435 h 6857967"/>
              <a:gd name="connsiteX913" fmla="*/ 6617234 w 10354976"/>
              <a:gd name="connsiteY913" fmla="*/ 6111736 h 6857967"/>
              <a:gd name="connsiteX914" fmla="*/ 6688535 w 10354976"/>
              <a:gd name="connsiteY914" fmla="*/ 6111736 h 6857967"/>
              <a:gd name="connsiteX915" fmla="*/ 6688535 w 10354976"/>
              <a:gd name="connsiteY915" fmla="*/ 6040435 h 6857967"/>
              <a:gd name="connsiteX916" fmla="*/ 6474632 w 10354976"/>
              <a:gd name="connsiteY916" fmla="*/ 6040435 h 6857967"/>
              <a:gd name="connsiteX917" fmla="*/ 6474632 w 10354976"/>
              <a:gd name="connsiteY917" fmla="*/ 6111736 h 6857967"/>
              <a:gd name="connsiteX918" fmla="*/ 6545933 w 10354976"/>
              <a:gd name="connsiteY918" fmla="*/ 6111736 h 6857967"/>
              <a:gd name="connsiteX919" fmla="*/ 6545933 w 10354976"/>
              <a:gd name="connsiteY919" fmla="*/ 6040435 h 6857967"/>
              <a:gd name="connsiteX920" fmla="*/ 6331959 w 10354976"/>
              <a:gd name="connsiteY920" fmla="*/ 6040435 h 6857967"/>
              <a:gd name="connsiteX921" fmla="*/ 6331959 w 10354976"/>
              <a:gd name="connsiteY921" fmla="*/ 6111736 h 6857967"/>
              <a:gd name="connsiteX922" fmla="*/ 6403260 w 10354976"/>
              <a:gd name="connsiteY922" fmla="*/ 6111736 h 6857967"/>
              <a:gd name="connsiteX923" fmla="*/ 6403260 w 10354976"/>
              <a:gd name="connsiteY923" fmla="*/ 6040435 h 6857967"/>
              <a:gd name="connsiteX924" fmla="*/ 6189358 w 10354976"/>
              <a:gd name="connsiteY924" fmla="*/ 6040435 h 6857967"/>
              <a:gd name="connsiteX925" fmla="*/ 6189358 w 10354976"/>
              <a:gd name="connsiteY925" fmla="*/ 6111736 h 6857967"/>
              <a:gd name="connsiteX926" fmla="*/ 6260659 w 10354976"/>
              <a:gd name="connsiteY926" fmla="*/ 6111736 h 6857967"/>
              <a:gd name="connsiteX927" fmla="*/ 6260659 w 10354976"/>
              <a:gd name="connsiteY927" fmla="*/ 6040435 h 6857967"/>
              <a:gd name="connsiteX928" fmla="*/ 6046689 w 10354976"/>
              <a:gd name="connsiteY928" fmla="*/ 6040435 h 6857967"/>
              <a:gd name="connsiteX929" fmla="*/ 6046689 w 10354976"/>
              <a:gd name="connsiteY929" fmla="*/ 6111736 h 6857967"/>
              <a:gd name="connsiteX930" fmla="*/ 6117986 w 10354976"/>
              <a:gd name="connsiteY930" fmla="*/ 6111736 h 6857967"/>
              <a:gd name="connsiteX931" fmla="*/ 6117986 w 10354976"/>
              <a:gd name="connsiteY931" fmla="*/ 6040435 h 6857967"/>
              <a:gd name="connsiteX932" fmla="*/ 5904023 w 10354976"/>
              <a:gd name="connsiteY932" fmla="*/ 6040435 h 6857967"/>
              <a:gd name="connsiteX933" fmla="*/ 5904023 w 10354976"/>
              <a:gd name="connsiteY933" fmla="*/ 6111736 h 6857967"/>
              <a:gd name="connsiteX934" fmla="*/ 5975319 w 10354976"/>
              <a:gd name="connsiteY934" fmla="*/ 6111736 h 6857967"/>
              <a:gd name="connsiteX935" fmla="*/ 5975319 w 10354976"/>
              <a:gd name="connsiteY935" fmla="*/ 6040435 h 6857967"/>
              <a:gd name="connsiteX936" fmla="*/ 5761426 w 10354976"/>
              <a:gd name="connsiteY936" fmla="*/ 6040435 h 6857967"/>
              <a:gd name="connsiteX937" fmla="*/ 5761426 w 10354976"/>
              <a:gd name="connsiteY937" fmla="*/ 6111736 h 6857967"/>
              <a:gd name="connsiteX938" fmla="*/ 5832724 w 10354976"/>
              <a:gd name="connsiteY938" fmla="*/ 6111736 h 6857967"/>
              <a:gd name="connsiteX939" fmla="*/ 5832724 w 10354976"/>
              <a:gd name="connsiteY939" fmla="*/ 6040435 h 6857967"/>
              <a:gd name="connsiteX940" fmla="*/ 5618761 w 10354976"/>
              <a:gd name="connsiteY940" fmla="*/ 6040435 h 6857967"/>
              <a:gd name="connsiteX941" fmla="*/ 5618761 w 10354976"/>
              <a:gd name="connsiteY941" fmla="*/ 6111736 h 6857967"/>
              <a:gd name="connsiteX942" fmla="*/ 5690059 w 10354976"/>
              <a:gd name="connsiteY942" fmla="*/ 6111736 h 6857967"/>
              <a:gd name="connsiteX943" fmla="*/ 5690059 w 10354976"/>
              <a:gd name="connsiteY943" fmla="*/ 6040435 h 6857967"/>
              <a:gd name="connsiteX944" fmla="*/ 5476167 w 10354976"/>
              <a:gd name="connsiteY944" fmla="*/ 6040435 h 6857967"/>
              <a:gd name="connsiteX945" fmla="*/ 5476167 w 10354976"/>
              <a:gd name="connsiteY945" fmla="*/ 6111736 h 6857967"/>
              <a:gd name="connsiteX946" fmla="*/ 5547465 w 10354976"/>
              <a:gd name="connsiteY946" fmla="*/ 6111736 h 6857967"/>
              <a:gd name="connsiteX947" fmla="*/ 5547465 w 10354976"/>
              <a:gd name="connsiteY947" fmla="*/ 6040435 h 6857967"/>
              <a:gd name="connsiteX948" fmla="*/ 5333502 w 10354976"/>
              <a:gd name="connsiteY948" fmla="*/ 6040435 h 6857967"/>
              <a:gd name="connsiteX949" fmla="*/ 5333502 w 10354976"/>
              <a:gd name="connsiteY949" fmla="*/ 6111736 h 6857967"/>
              <a:gd name="connsiteX950" fmla="*/ 5404800 w 10354976"/>
              <a:gd name="connsiteY950" fmla="*/ 6111736 h 6857967"/>
              <a:gd name="connsiteX951" fmla="*/ 5404800 w 10354976"/>
              <a:gd name="connsiteY951" fmla="*/ 6040435 h 6857967"/>
              <a:gd name="connsiteX952" fmla="*/ 5190877 w 10354976"/>
              <a:gd name="connsiteY952" fmla="*/ 6040435 h 6857967"/>
              <a:gd name="connsiteX953" fmla="*/ 5190877 w 10354976"/>
              <a:gd name="connsiteY953" fmla="*/ 6111736 h 6857967"/>
              <a:gd name="connsiteX954" fmla="*/ 5262188 w 10354976"/>
              <a:gd name="connsiteY954" fmla="*/ 6111736 h 6857967"/>
              <a:gd name="connsiteX955" fmla="*/ 5262188 w 10354976"/>
              <a:gd name="connsiteY955" fmla="*/ 6040435 h 6857967"/>
              <a:gd name="connsiteX956" fmla="*/ 5048236 w 10354976"/>
              <a:gd name="connsiteY956" fmla="*/ 6040435 h 6857967"/>
              <a:gd name="connsiteX957" fmla="*/ 5048236 w 10354976"/>
              <a:gd name="connsiteY957" fmla="*/ 6111736 h 6857967"/>
              <a:gd name="connsiteX958" fmla="*/ 5119528 w 10354976"/>
              <a:gd name="connsiteY958" fmla="*/ 6111736 h 6857967"/>
              <a:gd name="connsiteX959" fmla="*/ 5119528 w 10354976"/>
              <a:gd name="connsiteY959" fmla="*/ 6040435 h 6857967"/>
              <a:gd name="connsiteX960" fmla="*/ 4906607 w 10354976"/>
              <a:gd name="connsiteY960" fmla="*/ 6040435 h 6857967"/>
              <a:gd name="connsiteX961" fmla="*/ 4906607 w 10354976"/>
              <a:gd name="connsiteY961" fmla="*/ 6111736 h 6857967"/>
              <a:gd name="connsiteX962" fmla="*/ 4977916 w 10354976"/>
              <a:gd name="connsiteY962" fmla="*/ 6111736 h 6857967"/>
              <a:gd name="connsiteX963" fmla="*/ 4977916 w 10354976"/>
              <a:gd name="connsiteY963" fmla="*/ 6040435 h 6857967"/>
              <a:gd name="connsiteX964" fmla="*/ 4764013 w 10354976"/>
              <a:gd name="connsiteY964" fmla="*/ 6040435 h 6857967"/>
              <a:gd name="connsiteX965" fmla="*/ 4764013 w 10354976"/>
              <a:gd name="connsiteY965" fmla="*/ 6111736 h 6857967"/>
              <a:gd name="connsiteX966" fmla="*/ 4835311 w 10354976"/>
              <a:gd name="connsiteY966" fmla="*/ 6111736 h 6857967"/>
              <a:gd name="connsiteX967" fmla="*/ 4835311 w 10354976"/>
              <a:gd name="connsiteY967" fmla="*/ 6040435 h 6857967"/>
              <a:gd name="connsiteX968" fmla="*/ 4621342 w 10354976"/>
              <a:gd name="connsiteY968" fmla="*/ 6040435 h 6857967"/>
              <a:gd name="connsiteX969" fmla="*/ 4621342 w 10354976"/>
              <a:gd name="connsiteY969" fmla="*/ 6111736 h 6857967"/>
              <a:gd name="connsiteX970" fmla="*/ 4692639 w 10354976"/>
              <a:gd name="connsiteY970" fmla="*/ 6111736 h 6857967"/>
              <a:gd name="connsiteX971" fmla="*/ 4692639 w 10354976"/>
              <a:gd name="connsiteY971" fmla="*/ 6040435 h 6857967"/>
              <a:gd name="connsiteX972" fmla="*/ 4478666 w 10354976"/>
              <a:gd name="connsiteY972" fmla="*/ 6040435 h 6857967"/>
              <a:gd name="connsiteX973" fmla="*/ 4478666 w 10354976"/>
              <a:gd name="connsiteY973" fmla="*/ 6111736 h 6857967"/>
              <a:gd name="connsiteX974" fmla="*/ 4549971 w 10354976"/>
              <a:gd name="connsiteY974" fmla="*/ 6111736 h 6857967"/>
              <a:gd name="connsiteX975" fmla="*/ 4549971 w 10354976"/>
              <a:gd name="connsiteY975" fmla="*/ 6040435 h 6857967"/>
              <a:gd name="connsiteX976" fmla="*/ 4336068 w 10354976"/>
              <a:gd name="connsiteY976" fmla="*/ 6040435 h 6857967"/>
              <a:gd name="connsiteX977" fmla="*/ 4336068 w 10354976"/>
              <a:gd name="connsiteY977" fmla="*/ 6111736 h 6857967"/>
              <a:gd name="connsiteX978" fmla="*/ 4407366 w 10354976"/>
              <a:gd name="connsiteY978" fmla="*/ 6111736 h 6857967"/>
              <a:gd name="connsiteX979" fmla="*/ 4407366 w 10354976"/>
              <a:gd name="connsiteY979" fmla="*/ 6040435 h 6857967"/>
              <a:gd name="connsiteX980" fmla="*/ 4193413 w 10354976"/>
              <a:gd name="connsiteY980" fmla="*/ 6040435 h 6857967"/>
              <a:gd name="connsiteX981" fmla="*/ 4193413 w 10354976"/>
              <a:gd name="connsiteY981" fmla="*/ 6111736 h 6857967"/>
              <a:gd name="connsiteX982" fmla="*/ 4264695 w 10354976"/>
              <a:gd name="connsiteY982" fmla="*/ 6111736 h 6857967"/>
              <a:gd name="connsiteX983" fmla="*/ 4264695 w 10354976"/>
              <a:gd name="connsiteY983" fmla="*/ 6040435 h 6857967"/>
              <a:gd name="connsiteX984" fmla="*/ 4050810 w 10354976"/>
              <a:gd name="connsiteY984" fmla="*/ 6040435 h 6857967"/>
              <a:gd name="connsiteX985" fmla="*/ 4050810 w 10354976"/>
              <a:gd name="connsiteY985" fmla="*/ 6111736 h 6857967"/>
              <a:gd name="connsiteX986" fmla="*/ 4122113 w 10354976"/>
              <a:gd name="connsiteY986" fmla="*/ 6111736 h 6857967"/>
              <a:gd name="connsiteX987" fmla="*/ 4122113 w 10354976"/>
              <a:gd name="connsiteY987" fmla="*/ 6040435 h 6857967"/>
              <a:gd name="connsiteX988" fmla="*/ 3908138 w 10354976"/>
              <a:gd name="connsiteY988" fmla="*/ 6040435 h 6857967"/>
              <a:gd name="connsiteX989" fmla="*/ 3908138 w 10354976"/>
              <a:gd name="connsiteY989" fmla="*/ 6111736 h 6857967"/>
              <a:gd name="connsiteX990" fmla="*/ 3979439 w 10354976"/>
              <a:gd name="connsiteY990" fmla="*/ 6111736 h 6857967"/>
              <a:gd name="connsiteX991" fmla="*/ 3979439 w 10354976"/>
              <a:gd name="connsiteY991" fmla="*/ 6040435 h 6857967"/>
              <a:gd name="connsiteX992" fmla="*/ 3765464 w 10354976"/>
              <a:gd name="connsiteY992" fmla="*/ 6040435 h 6857967"/>
              <a:gd name="connsiteX993" fmla="*/ 3765464 w 10354976"/>
              <a:gd name="connsiteY993" fmla="*/ 6111736 h 6857967"/>
              <a:gd name="connsiteX994" fmla="*/ 3836763 w 10354976"/>
              <a:gd name="connsiteY994" fmla="*/ 6111736 h 6857967"/>
              <a:gd name="connsiteX995" fmla="*/ 3836763 w 10354976"/>
              <a:gd name="connsiteY995" fmla="*/ 6040435 h 6857967"/>
              <a:gd name="connsiteX996" fmla="*/ 3622853 w 10354976"/>
              <a:gd name="connsiteY996" fmla="*/ 6040435 h 6857967"/>
              <a:gd name="connsiteX997" fmla="*/ 3622853 w 10354976"/>
              <a:gd name="connsiteY997" fmla="*/ 6111736 h 6857967"/>
              <a:gd name="connsiteX998" fmla="*/ 3694151 w 10354976"/>
              <a:gd name="connsiteY998" fmla="*/ 6111736 h 6857967"/>
              <a:gd name="connsiteX999" fmla="*/ 3694151 w 10354976"/>
              <a:gd name="connsiteY999" fmla="*/ 6040435 h 6857967"/>
              <a:gd name="connsiteX1000" fmla="*/ 3480203 w 10354976"/>
              <a:gd name="connsiteY1000" fmla="*/ 6040435 h 6857967"/>
              <a:gd name="connsiteX1001" fmla="*/ 3480203 w 10354976"/>
              <a:gd name="connsiteY1001" fmla="*/ 6111736 h 6857967"/>
              <a:gd name="connsiteX1002" fmla="*/ 3551511 w 10354976"/>
              <a:gd name="connsiteY1002" fmla="*/ 6111736 h 6857967"/>
              <a:gd name="connsiteX1003" fmla="*/ 3551511 w 10354976"/>
              <a:gd name="connsiteY1003" fmla="*/ 6040435 h 6857967"/>
              <a:gd name="connsiteX1004" fmla="*/ 3337579 w 10354976"/>
              <a:gd name="connsiteY1004" fmla="*/ 6040435 h 6857967"/>
              <a:gd name="connsiteX1005" fmla="*/ 3337579 w 10354976"/>
              <a:gd name="connsiteY1005" fmla="*/ 6111736 h 6857967"/>
              <a:gd name="connsiteX1006" fmla="*/ 3408880 w 10354976"/>
              <a:gd name="connsiteY1006" fmla="*/ 6111736 h 6857967"/>
              <a:gd name="connsiteX1007" fmla="*/ 3408880 w 10354976"/>
              <a:gd name="connsiteY1007" fmla="*/ 6040435 h 6857967"/>
              <a:gd name="connsiteX1008" fmla="*/ 3194906 w 10354976"/>
              <a:gd name="connsiteY1008" fmla="*/ 6040435 h 6857967"/>
              <a:gd name="connsiteX1009" fmla="*/ 3194906 w 10354976"/>
              <a:gd name="connsiteY1009" fmla="*/ 6111736 h 6857967"/>
              <a:gd name="connsiteX1010" fmla="*/ 3266208 w 10354976"/>
              <a:gd name="connsiteY1010" fmla="*/ 6111736 h 6857967"/>
              <a:gd name="connsiteX1011" fmla="*/ 3266208 w 10354976"/>
              <a:gd name="connsiteY1011" fmla="*/ 6040435 h 6857967"/>
              <a:gd name="connsiteX1012" fmla="*/ 3052305 w 10354976"/>
              <a:gd name="connsiteY1012" fmla="*/ 6040435 h 6857967"/>
              <a:gd name="connsiteX1013" fmla="*/ 3052305 w 10354976"/>
              <a:gd name="connsiteY1013" fmla="*/ 6111736 h 6857967"/>
              <a:gd name="connsiteX1014" fmla="*/ 3123607 w 10354976"/>
              <a:gd name="connsiteY1014" fmla="*/ 6111736 h 6857967"/>
              <a:gd name="connsiteX1015" fmla="*/ 3123607 w 10354976"/>
              <a:gd name="connsiteY1015" fmla="*/ 6040435 h 6857967"/>
              <a:gd name="connsiteX1016" fmla="*/ 2909634 w 10354976"/>
              <a:gd name="connsiteY1016" fmla="*/ 6040435 h 6857967"/>
              <a:gd name="connsiteX1017" fmla="*/ 2909634 w 10354976"/>
              <a:gd name="connsiteY1017" fmla="*/ 6111736 h 6857967"/>
              <a:gd name="connsiteX1018" fmla="*/ 2980934 w 10354976"/>
              <a:gd name="connsiteY1018" fmla="*/ 6111736 h 6857967"/>
              <a:gd name="connsiteX1019" fmla="*/ 2980934 w 10354976"/>
              <a:gd name="connsiteY1019" fmla="*/ 6040435 h 6857967"/>
              <a:gd name="connsiteX1020" fmla="*/ 2767033 w 10354976"/>
              <a:gd name="connsiteY1020" fmla="*/ 6040435 h 6857967"/>
              <a:gd name="connsiteX1021" fmla="*/ 2767033 w 10354976"/>
              <a:gd name="connsiteY1021" fmla="*/ 6111736 h 6857967"/>
              <a:gd name="connsiteX1022" fmla="*/ 2838334 w 10354976"/>
              <a:gd name="connsiteY1022" fmla="*/ 6111736 h 6857967"/>
              <a:gd name="connsiteX1023" fmla="*/ 2838334 w 10354976"/>
              <a:gd name="connsiteY1023" fmla="*/ 6040435 h 6857967"/>
              <a:gd name="connsiteX1024" fmla="*/ 2624361 w 10354976"/>
              <a:gd name="connsiteY1024" fmla="*/ 6040435 h 6857967"/>
              <a:gd name="connsiteX1025" fmla="*/ 2624361 w 10354976"/>
              <a:gd name="connsiteY1025" fmla="*/ 6111736 h 6857967"/>
              <a:gd name="connsiteX1026" fmla="*/ 2695662 w 10354976"/>
              <a:gd name="connsiteY1026" fmla="*/ 6111736 h 6857967"/>
              <a:gd name="connsiteX1027" fmla="*/ 2695662 w 10354976"/>
              <a:gd name="connsiteY1027" fmla="*/ 6040435 h 6857967"/>
              <a:gd name="connsiteX1028" fmla="*/ 2481690 w 10354976"/>
              <a:gd name="connsiteY1028" fmla="*/ 6040435 h 6857967"/>
              <a:gd name="connsiteX1029" fmla="*/ 2481690 w 10354976"/>
              <a:gd name="connsiteY1029" fmla="*/ 6111736 h 6857967"/>
              <a:gd name="connsiteX1030" fmla="*/ 2552991 w 10354976"/>
              <a:gd name="connsiteY1030" fmla="*/ 6111736 h 6857967"/>
              <a:gd name="connsiteX1031" fmla="*/ 2552991 w 10354976"/>
              <a:gd name="connsiteY1031" fmla="*/ 6040435 h 6857967"/>
              <a:gd name="connsiteX1032" fmla="*/ 2339091 w 10354976"/>
              <a:gd name="connsiteY1032" fmla="*/ 6040435 h 6857967"/>
              <a:gd name="connsiteX1033" fmla="*/ 2339091 w 10354976"/>
              <a:gd name="connsiteY1033" fmla="*/ 6111736 h 6857967"/>
              <a:gd name="connsiteX1034" fmla="*/ 2410392 w 10354976"/>
              <a:gd name="connsiteY1034" fmla="*/ 6111736 h 6857967"/>
              <a:gd name="connsiteX1035" fmla="*/ 2410392 w 10354976"/>
              <a:gd name="connsiteY1035" fmla="*/ 6040435 h 6857967"/>
              <a:gd name="connsiteX1036" fmla="*/ 2196420 w 10354976"/>
              <a:gd name="connsiteY1036" fmla="*/ 6040435 h 6857967"/>
              <a:gd name="connsiteX1037" fmla="*/ 2196420 w 10354976"/>
              <a:gd name="connsiteY1037" fmla="*/ 6111736 h 6857967"/>
              <a:gd name="connsiteX1038" fmla="*/ 2267721 w 10354976"/>
              <a:gd name="connsiteY1038" fmla="*/ 6111736 h 6857967"/>
              <a:gd name="connsiteX1039" fmla="*/ 2267721 w 10354976"/>
              <a:gd name="connsiteY1039" fmla="*/ 6040435 h 6857967"/>
              <a:gd name="connsiteX1040" fmla="*/ 2053813 w 10354976"/>
              <a:gd name="connsiteY1040" fmla="*/ 6040435 h 6857967"/>
              <a:gd name="connsiteX1041" fmla="*/ 2053813 w 10354976"/>
              <a:gd name="connsiteY1041" fmla="*/ 6111736 h 6857967"/>
              <a:gd name="connsiteX1042" fmla="*/ 2125117 w 10354976"/>
              <a:gd name="connsiteY1042" fmla="*/ 6111736 h 6857967"/>
              <a:gd name="connsiteX1043" fmla="*/ 2125117 w 10354976"/>
              <a:gd name="connsiteY1043" fmla="*/ 6040435 h 6857967"/>
              <a:gd name="connsiteX1044" fmla="*/ 1911141 w 10354976"/>
              <a:gd name="connsiteY1044" fmla="*/ 6040435 h 6857967"/>
              <a:gd name="connsiteX1045" fmla="*/ 1911141 w 10354976"/>
              <a:gd name="connsiteY1045" fmla="*/ 6111736 h 6857967"/>
              <a:gd name="connsiteX1046" fmla="*/ 1982442 w 10354976"/>
              <a:gd name="connsiteY1046" fmla="*/ 6111736 h 6857967"/>
              <a:gd name="connsiteX1047" fmla="*/ 1982442 w 10354976"/>
              <a:gd name="connsiteY1047" fmla="*/ 6040435 h 6857967"/>
              <a:gd name="connsiteX1048" fmla="*/ 1768471 w 10354976"/>
              <a:gd name="connsiteY1048" fmla="*/ 6040435 h 6857967"/>
              <a:gd name="connsiteX1049" fmla="*/ 1768471 w 10354976"/>
              <a:gd name="connsiteY1049" fmla="*/ 6111736 h 6857967"/>
              <a:gd name="connsiteX1050" fmla="*/ 1839771 w 10354976"/>
              <a:gd name="connsiteY1050" fmla="*/ 6111736 h 6857967"/>
              <a:gd name="connsiteX1051" fmla="*/ 1839771 w 10354976"/>
              <a:gd name="connsiteY1051" fmla="*/ 6040435 h 6857967"/>
              <a:gd name="connsiteX1052" fmla="*/ 1625870 w 10354976"/>
              <a:gd name="connsiteY1052" fmla="*/ 6040435 h 6857967"/>
              <a:gd name="connsiteX1053" fmla="*/ 1625870 w 10354976"/>
              <a:gd name="connsiteY1053" fmla="*/ 6111736 h 6857967"/>
              <a:gd name="connsiteX1054" fmla="*/ 1697171 w 10354976"/>
              <a:gd name="connsiteY1054" fmla="*/ 6111736 h 6857967"/>
              <a:gd name="connsiteX1055" fmla="*/ 1697171 w 10354976"/>
              <a:gd name="connsiteY1055" fmla="*/ 6040435 h 6857967"/>
              <a:gd name="connsiteX1056" fmla="*/ 1483200 w 10354976"/>
              <a:gd name="connsiteY1056" fmla="*/ 6040435 h 6857967"/>
              <a:gd name="connsiteX1057" fmla="*/ 1483200 w 10354976"/>
              <a:gd name="connsiteY1057" fmla="*/ 6111736 h 6857967"/>
              <a:gd name="connsiteX1058" fmla="*/ 1554500 w 10354976"/>
              <a:gd name="connsiteY1058" fmla="*/ 6111736 h 6857967"/>
              <a:gd name="connsiteX1059" fmla="*/ 1554500 w 10354976"/>
              <a:gd name="connsiteY1059" fmla="*/ 6040435 h 6857967"/>
              <a:gd name="connsiteX1060" fmla="*/ 1340599 w 10354976"/>
              <a:gd name="connsiteY1060" fmla="*/ 6040435 h 6857967"/>
              <a:gd name="connsiteX1061" fmla="*/ 1340599 w 10354976"/>
              <a:gd name="connsiteY1061" fmla="*/ 6111736 h 6857967"/>
              <a:gd name="connsiteX1062" fmla="*/ 1411901 w 10354976"/>
              <a:gd name="connsiteY1062" fmla="*/ 6111736 h 6857967"/>
              <a:gd name="connsiteX1063" fmla="*/ 1411901 w 10354976"/>
              <a:gd name="connsiteY1063" fmla="*/ 6040435 h 6857967"/>
              <a:gd name="connsiteX1064" fmla="*/ 1197930 w 10354976"/>
              <a:gd name="connsiteY1064" fmla="*/ 6040435 h 6857967"/>
              <a:gd name="connsiteX1065" fmla="*/ 1197930 w 10354976"/>
              <a:gd name="connsiteY1065" fmla="*/ 6111736 h 6857967"/>
              <a:gd name="connsiteX1066" fmla="*/ 1269231 w 10354976"/>
              <a:gd name="connsiteY1066" fmla="*/ 6111736 h 6857967"/>
              <a:gd name="connsiteX1067" fmla="*/ 1269231 w 10354976"/>
              <a:gd name="connsiteY1067" fmla="*/ 6040435 h 6857967"/>
              <a:gd name="connsiteX1068" fmla="*/ 1055312 w 10354976"/>
              <a:gd name="connsiteY1068" fmla="*/ 6040435 h 6857967"/>
              <a:gd name="connsiteX1069" fmla="*/ 1055312 w 10354976"/>
              <a:gd name="connsiteY1069" fmla="*/ 6111736 h 6857967"/>
              <a:gd name="connsiteX1070" fmla="*/ 1126613 w 10354976"/>
              <a:gd name="connsiteY1070" fmla="*/ 6111736 h 6857967"/>
              <a:gd name="connsiteX1071" fmla="*/ 1126613 w 10354976"/>
              <a:gd name="connsiteY1071" fmla="*/ 6040435 h 6857967"/>
              <a:gd name="connsiteX1072" fmla="*/ 912657 w 10354976"/>
              <a:gd name="connsiteY1072" fmla="*/ 6040435 h 6857967"/>
              <a:gd name="connsiteX1073" fmla="*/ 912657 w 10354976"/>
              <a:gd name="connsiteY1073" fmla="*/ 6111736 h 6857967"/>
              <a:gd name="connsiteX1074" fmla="*/ 983958 w 10354976"/>
              <a:gd name="connsiteY1074" fmla="*/ 6111736 h 6857967"/>
              <a:gd name="connsiteX1075" fmla="*/ 983958 w 10354976"/>
              <a:gd name="connsiteY1075" fmla="*/ 6040435 h 6857967"/>
              <a:gd name="connsiteX1076" fmla="*/ 771136 w 10354976"/>
              <a:gd name="connsiteY1076" fmla="*/ 6040435 h 6857967"/>
              <a:gd name="connsiteX1077" fmla="*/ 771136 w 10354976"/>
              <a:gd name="connsiteY1077" fmla="*/ 6111736 h 6857967"/>
              <a:gd name="connsiteX1078" fmla="*/ 842437 w 10354976"/>
              <a:gd name="connsiteY1078" fmla="*/ 6111736 h 6857967"/>
              <a:gd name="connsiteX1079" fmla="*/ 842437 w 10354976"/>
              <a:gd name="connsiteY1079" fmla="*/ 6040435 h 6857967"/>
              <a:gd name="connsiteX1080" fmla="*/ 628535 w 10354976"/>
              <a:gd name="connsiteY1080" fmla="*/ 6040435 h 6857967"/>
              <a:gd name="connsiteX1081" fmla="*/ 628535 w 10354976"/>
              <a:gd name="connsiteY1081" fmla="*/ 6111736 h 6857967"/>
              <a:gd name="connsiteX1082" fmla="*/ 699836 w 10354976"/>
              <a:gd name="connsiteY1082" fmla="*/ 6111736 h 6857967"/>
              <a:gd name="connsiteX1083" fmla="*/ 699836 w 10354976"/>
              <a:gd name="connsiteY1083" fmla="*/ 6040435 h 6857967"/>
              <a:gd name="connsiteX1084" fmla="*/ 485863 w 10354976"/>
              <a:gd name="connsiteY1084" fmla="*/ 6040435 h 6857967"/>
              <a:gd name="connsiteX1085" fmla="*/ 485863 w 10354976"/>
              <a:gd name="connsiteY1085" fmla="*/ 6111736 h 6857967"/>
              <a:gd name="connsiteX1086" fmla="*/ 557163 w 10354976"/>
              <a:gd name="connsiteY1086" fmla="*/ 6111736 h 6857967"/>
              <a:gd name="connsiteX1087" fmla="*/ 557163 w 10354976"/>
              <a:gd name="connsiteY1087" fmla="*/ 6040435 h 6857967"/>
              <a:gd name="connsiteX1088" fmla="*/ 343191 w 10354976"/>
              <a:gd name="connsiteY1088" fmla="*/ 6040435 h 6857967"/>
              <a:gd name="connsiteX1089" fmla="*/ 343191 w 10354976"/>
              <a:gd name="connsiteY1089" fmla="*/ 6111736 h 6857967"/>
              <a:gd name="connsiteX1090" fmla="*/ 414492 w 10354976"/>
              <a:gd name="connsiteY1090" fmla="*/ 6111736 h 6857967"/>
              <a:gd name="connsiteX1091" fmla="*/ 414492 w 10354976"/>
              <a:gd name="connsiteY1091" fmla="*/ 6040435 h 6857967"/>
              <a:gd name="connsiteX1092" fmla="*/ 200591 w 10354976"/>
              <a:gd name="connsiteY1092" fmla="*/ 6040435 h 6857967"/>
              <a:gd name="connsiteX1093" fmla="*/ 200591 w 10354976"/>
              <a:gd name="connsiteY1093" fmla="*/ 6111736 h 6857967"/>
              <a:gd name="connsiteX1094" fmla="*/ 271892 w 10354976"/>
              <a:gd name="connsiteY1094" fmla="*/ 6111736 h 6857967"/>
              <a:gd name="connsiteX1095" fmla="*/ 271892 w 10354976"/>
              <a:gd name="connsiteY1095" fmla="*/ 6040435 h 6857967"/>
              <a:gd name="connsiteX1096" fmla="*/ 57918 w 10354976"/>
              <a:gd name="connsiteY1096" fmla="*/ 6040435 h 6857967"/>
              <a:gd name="connsiteX1097" fmla="*/ 57918 w 10354976"/>
              <a:gd name="connsiteY1097" fmla="*/ 6111736 h 6857967"/>
              <a:gd name="connsiteX1098" fmla="*/ 129219 w 10354976"/>
              <a:gd name="connsiteY1098" fmla="*/ 6111736 h 6857967"/>
              <a:gd name="connsiteX1099" fmla="*/ 129219 w 10354976"/>
              <a:gd name="connsiteY1099" fmla="*/ 6040435 h 6857967"/>
              <a:gd name="connsiteX1100" fmla="*/ 0 w 10354976"/>
              <a:gd name="connsiteY1100" fmla="*/ 0 h 6857967"/>
              <a:gd name="connsiteX1101" fmla="*/ 10354976 w 10354976"/>
              <a:gd name="connsiteY1101" fmla="*/ 0 h 6857967"/>
              <a:gd name="connsiteX1102" fmla="*/ 10354976 w 10354976"/>
              <a:gd name="connsiteY1102" fmla="*/ 6857967 h 6857967"/>
              <a:gd name="connsiteX1103" fmla="*/ 0 w 10354976"/>
              <a:gd name="connsiteY1103" fmla="*/ 6857967 h 6857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Lst>
            <a:rect l="l" t="t" r="r" b="b"/>
            <a:pathLst>
              <a:path w="10354976" h="6857967">
                <a:moveTo>
                  <a:pt x="9042170" y="6474347"/>
                </a:moveTo>
                <a:lnTo>
                  <a:pt x="9042170" y="6545648"/>
                </a:lnTo>
                <a:lnTo>
                  <a:pt x="9113471" y="6545648"/>
                </a:lnTo>
                <a:lnTo>
                  <a:pt x="9113471" y="6474347"/>
                </a:lnTo>
                <a:close/>
                <a:moveTo>
                  <a:pt x="8899568" y="6474347"/>
                </a:moveTo>
                <a:lnTo>
                  <a:pt x="8899568" y="6545648"/>
                </a:lnTo>
                <a:lnTo>
                  <a:pt x="8970869" y="6545648"/>
                </a:lnTo>
                <a:lnTo>
                  <a:pt x="8970869" y="6474347"/>
                </a:lnTo>
                <a:close/>
                <a:moveTo>
                  <a:pt x="8756896" y="6474347"/>
                </a:moveTo>
                <a:lnTo>
                  <a:pt x="8756896" y="6545648"/>
                </a:lnTo>
                <a:lnTo>
                  <a:pt x="8828196" y="6545648"/>
                </a:lnTo>
                <a:lnTo>
                  <a:pt x="8828196" y="6474347"/>
                </a:lnTo>
                <a:close/>
                <a:moveTo>
                  <a:pt x="8614223" y="6474347"/>
                </a:moveTo>
                <a:lnTo>
                  <a:pt x="8614223" y="6545648"/>
                </a:lnTo>
                <a:lnTo>
                  <a:pt x="8685524" y="6545648"/>
                </a:lnTo>
                <a:lnTo>
                  <a:pt x="8685524" y="6474347"/>
                </a:lnTo>
                <a:close/>
                <a:moveTo>
                  <a:pt x="8471622" y="6474347"/>
                </a:moveTo>
                <a:lnTo>
                  <a:pt x="8471622" y="6545648"/>
                </a:lnTo>
                <a:lnTo>
                  <a:pt x="8542923" y="6545648"/>
                </a:lnTo>
                <a:lnTo>
                  <a:pt x="8542923" y="6474347"/>
                </a:lnTo>
                <a:close/>
                <a:moveTo>
                  <a:pt x="8328949" y="6474347"/>
                </a:moveTo>
                <a:lnTo>
                  <a:pt x="8328949" y="6545648"/>
                </a:lnTo>
                <a:lnTo>
                  <a:pt x="8400250" y="6545648"/>
                </a:lnTo>
                <a:lnTo>
                  <a:pt x="8400250" y="6474347"/>
                </a:lnTo>
                <a:close/>
                <a:moveTo>
                  <a:pt x="8186348" y="6474347"/>
                </a:moveTo>
                <a:lnTo>
                  <a:pt x="8186348" y="6545648"/>
                </a:lnTo>
                <a:lnTo>
                  <a:pt x="8257649" y="6545648"/>
                </a:lnTo>
                <a:lnTo>
                  <a:pt x="8257649" y="6474347"/>
                </a:lnTo>
                <a:close/>
                <a:moveTo>
                  <a:pt x="8043675" y="6474347"/>
                </a:moveTo>
                <a:lnTo>
                  <a:pt x="8043675" y="6545648"/>
                </a:lnTo>
                <a:lnTo>
                  <a:pt x="8114976" y="6545648"/>
                </a:lnTo>
                <a:lnTo>
                  <a:pt x="8114976" y="6474347"/>
                </a:lnTo>
                <a:close/>
                <a:moveTo>
                  <a:pt x="7901003" y="6474347"/>
                </a:moveTo>
                <a:lnTo>
                  <a:pt x="7901003" y="6545648"/>
                </a:lnTo>
                <a:lnTo>
                  <a:pt x="7972304" y="6545648"/>
                </a:lnTo>
                <a:lnTo>
                  <a:pt x="7972304" y="6474347"/>
                </a:lnTo>
                <a:close/>
                <a:moveTo>
                  <a:pt x="7758401" y="6474347"/>
                </a:moveTo>
                <a:lnTo>
                  <a:pt x="7758401" y="6545648"/>
                </a:lnTo>
                <a:lnTo>
                  <a:pt x="7829702" y="6545648"/>
                </a:lnTo>
                <a:lnTo>
                  <a:pt x="7829702" y="6474347"/>
                </a:lnTo>
                <a:close/>
                <a:moveTo>
                  <a:pt x="7615728" y="6474347"/>
                </a:moveTo>
                <a:lnTo>
                  <a:pt x="7615728" y="6545648"/>
                </a:lnTo>
                <a:lnTo>
                  <a:pt x="7687029" y="6545648"/>
                </a:lnTo>
                <a:lnTo>
                  <a:pt x="7687029" y="6474347"/>
                </a:lnTo>
                <a:close/>
                <a:moveTo>
                  <a:pt x="7473127" y="6474347"/>
                </a:moveTo>
                <a:lnTo>
                  <a:pt x="7473127" y="6545648"/>
                </a:lnTo>
                <a:lnTo>
                  <a:pt x="7544428" y="6545648"/>
                </a:lnTo>
                <a:lnTo>
                  <a:pt x="7544428" y="6474347"/>
                </a:lnTo>
                <a:close/>
                <a:moveTo>
                  <a:pt x="7330454" y="6474347"/>
                </a:moveTo>
                <a:lnTo>
                  <a:pt x="7330454" y="6545648"/>
                </a:lnTo>
                <a:lnTo>
                  <a:pt x="7401755" y="6545648"/>
                </a:lnTo>
                <a:lnTo>
                  <a:pt x="7401755" y="6474347"/>
                </a:lnTo>
                <a:close/>
                <a:moveTo>
                  <a:pt x="7187853" y="6474347"/>
                </a:moveTo>
                <a:lnTo>
                  <a:pt x="7187853" y="6545648"/>
                </a:lnTo>
                <a:lnTo>
                  <a:pt x="7259154" y="6545648"/>
                </a:lnTo>
                <a:lnTo>
                  <a:pt x="7259154" y="6474347"/>
                </a:lnTo>
                <a:close/>
                <a:moveTo>
                  <a:pt x="7045180" y="6474347"/>
                </a:moveTo>
                <a:lnTo>
                  <a:pt x="7045180" y="6545648"/>
                </a:lnTo>
                <a:lnTo>
                  <a:pt x="7116481" y="6545648"/>
                </a:lnTo>
                <a:lnTo>
                  <a:pt x="7116481" y="6474347"/>
                </a:lnTo>
                <a:close/>
                <a:moveTo>
                  <a:pt x="6902579" y="6474347"/>
                </a:moveTo>
                <a:lnTo>
                  <a:pt x="6902579" y="6545648"/>
                </a:lnTo>
                <a:lnTo>
                  <a:pt x="6973880" y="6545648"/>
                </a:lnTo>
                <a:lnTo>
                  <a:pt x="6973880" y="6474347"/>
                </a:lnTo>
                <a:close/>
                <a:moveTo>
                  <a:pt x="6759906" y="6474347"/>
                </a:moveTo>
                <a:lnTo>
                  <a:pt x="6759906" y="6545648"/>
                </a:lnTo>
                <a:lnTo>
                  <a:pt x="6831207" y="6545648"/>
                </a:lnTo>
                <a:lnTo>
                  <a:pt x="6831207" y="6474347"/>
                </a:lnTo>
                <a:close/>
                <a:moveTo>
                  <a:pt x="6617234" y="6474347"/>
                </a:moveTo>
                <a:lnTo>
                  <a:pt x="6617234" y="6545648"/>
                </a:lnTo>
                <a:lnTo>
                  <a:pt x="6688535" y="6545648"/>
                </a:lnTo>
                <a:lnTo>
                  <a:pt x="6688535" y="6474347"/>
                </a:lnTo>
                <a:close/>
                <a:moveTo>
                  <a:pt x="6474632" y="6474347"/>
                </a:moveTo>
                <a:lnTo>
                  <a:pt x="6474632" y="6545648"/>
                </a:lnTo>
                <a:lnTo>
                  <a:pt x="6545933" y="6545648"/>
                </a:lnTo>
                <a:lnTo>
                  <a:pt x="6545933" y="6474347"/>
                </a:lnTo>
                <a:close/>
                <a:moveTo>
                  <a:pt x="6331959" y="6474347"/>
                </a:moveTo>
                <a:lnTo>
                  <a:pt x="6331959" y="6545648"/>
                </a:lnTo>
                <a:lnTo>
                  <a:pt x="6403260" y="6545648"/>
                </a:lnTo>
                <a:lnTo>
                  <a:pt x="6403260" y="6474347"/>
                </a:lnTo>
                <a:close/>
                <a:moveTo>
                  <a:pt x="6189358" y="6474347"/>
                </a:moveTo>
                <a:lnTo>
                  <a:pt x="6189358" y="6545648"/>
                </a:lnTo>
                <a:lnTo>
                  <a:pt x="6260659" y="6545648"/>
                </a:lnTo>
                <a:lnTo>
                  <a:pt x="6260659" y="6474347"/>
                </a:lnTo>
                <a:close/>
                <a:moveTo>
                  <a:pt x="6046689" y="6474347"/>
                </a:moveTo>
                <a:lnTo>
                  <a:pt x="6046689" y="6545648"/>
                </a:lnTo>
                <a:lnTo>
                  <a:pt x="6117986" y="6545648"/>
                </a:lnTo>
                <a:lnTo>
                  <a:pt x="6117986" y="6474347"/>
                </a:lnTo>
                <a:close/>
                <a:moveTo>
                  <a:pt x="5904023" y="6474347"/>
                </a:moveTo>
                <a:lnTo>
                  <a:pt x="5904023" y="6545648"/>
                </a:lnTo>
                <a:lnTo>
                  <a:pt x="5975319" y="6545648"/>
                </a:lnTo>
                <a:lnTo>
                  <a:pt x="5975319" y="6474347"/>
                </a:lnTo>
                <a:close/>
                <a:moveTo>
                  <a:pt x="5761426" y="6474347"/>
                </a:moveTo>
                <a:lnTo>
                  <a:pt x="5761426" y="6545648"/>
                </a:lnTo>
                <a:lnTo>
                  <a:pt x="5832724" y="6545648"/>
                </a:lnTo>
                <a:lnTo>
                  <a:pt x="5832724" y="6474347"/>
                </a:lnTo>
                <a:close/>
                <a:moveTo>
                  <a:pt x="5618761" y="6474347"/>
                </a:moveTo>
                <a:lnTo>
                  <a:pt x="5618761" y="6545648"/>
                </a:lnTo>
                <a:lnTo>
                  <a:pt x="5690059" y="6545648"/>
                </a:lnTo>
                <a:lnTo>
                  <a:pt x="5690059" y="6474347"/>
                </a:lnTo>
                <a:close/>
                <a:moveTo>
                  <a:pt x="5476167" y="6474347"/>
                </a:moveTo>
                <a:lnTo>
                  <a:pt x="5476167" y="6545648"/>
                </a:lnTo>
                <a:lnTo>
                  <a:pt x="5547463" y="6545648"/>
                </a:lnTo>
                <a:lnTo>
                  <a:pt x="5547463" y="6474347"/>
                </a:lnTo>
                <a:close/>
                <a:moveTo>
                  <a:pt x="5333500" y="6474347"/>
                </a:moveTo>
                <a:lnTo>
                  <a:pt x="5333500" y="6545648"/>
                </a:lnTo>
                <a:lnTo>
                  <a:pt x="5404799" y="6545648"/>
                </a:lnTo>
                <a:lnTo>
                  <a:pt x="5404799" y="6474347"/>
                </a:lnTo>
                <a:close/>
                <a:moveTo>
                  <a:pt x="5190877" y="6474347"/>
                </a:moveTo>
                <a:lnTo>
                  <a:pt x="5190877" y="6545648"/>
                </a:lnTo>
                <a:lnTo>
                  <a:pt x="5262188" y="6545648"/>
                </a:lnTo>
                <a:lnTo>
                  <a:pt x="5262188" y="6474347"/>
                </a:lnTo>
                <a:close/>
                <a:moveTo>
                  <a:pt x="5048236" y="6474347"/>
                </a:moveTo>
                <a:lnTo>
                  <a:pt x="5048236" y="6545648"/>
                </a:lnTo>
                <a:lnTo>
                  <a:pt x="5119528" y="6545648"/>
                </a:lnTo>
                <a:lnTo>
                  <a:pt x="5119528" y="6474347"/>
                </a:lnTo>
                <a:close/>
                <a:moveTo>
                  <a:pt x="4906607" y="6474347"/>
                </a:moveTo>
                <a:lnTo>
                  <a:pt x="4906607" y="6545648"/>
                </a:lnTo>
                <a:lnTo>
                  <a:pt x="4977916" y="6545648"/>
                </a:lnTo>
                <a:lnTo>
                  <a:pt x="4977916" y="6474347"/>
                </a:lnTo>
                <a:close/>
                <a:moveTo>
                  <a:pt x="4764013" y="6474347"/>
                </a:moveTo>
                <a:lnTo>
                  <a:pt x="4764013" y="6545648"/>
                </a:lnTo>
                <a:lnTo>
                  <a:pt x="4835311" y="6545648"/>
                </a:lnTo>
                <a:lnTo>
                  <a:pt x="4835311" y="6474347"/>
                </a:lnTo>
                <a:close/>
                <a:moveTo>
                  <a:pt x="4621342" y="6474347"/>
                </a:moveTo>
                <a:lnTo>
                  <a:pt x="4621342" y="6545648"/>
                </a:lnTo>
                <a:lnTo>
                  <a:pt x="4692639" y="6545648"/>
                </a:lnTo>
                <a:lnTo>
                  <a:pt x="4692639" y="6474347"/>
                </a:lnTo>
                <a:close/>
                <a:moveTo>
                  <a:pt x="4478666" y="6474347"/>
                </a:moveTo>
                <a:lnTo>
                  <a:pt x="4478666" y="6545648"/>
                </a:lnTo>
                <a:lnTo>
                  <a:pt x="4549969" y="6545648"/>
                </a:lnTo>
                <a:lnTo>
                  <a:pt x="4549969" y="6474347"/>
                </a:lnTo>
                <a:close/>
                <a:moveTo>
                  <a:pt x="4336061" y="6474347"/>
                </a:moveTo>
                <a:lnTo>
                  <a:pt x="4336061" y="6545648"/>
                </a:lnTo>
                <a:lnTo>
                  <a:pt x="4407362" y="6545648"/>
                </a:lnTo>
                <a:lnTo>
                  <a:pt x="4407362" y="6474347"/>
                </a:lnTo>
                <a:close/>
                <a:moveTo>
                  <a:pt x="4193412" y="6474347"/>
                </a:moveTo>
                <a:lnTo>
                  <a:pt x="4193412" y="6545648"/>
                </a:lnTo>
                <a:lnTo>
                  <a:pt x="4264695" y="6545648"/>
                </a:lnTo>
                <a:lnTo>
                  <a:pt x="4264695" y="6474347"/>
                </a:lnTo>
                <a:close/>
                <a:moveTo>
                  <a:pt x="4050809" y="6474347"/>
                </a:moveTo>
                <a:lnTo>
                  <a:pt x="4050809" y="6545648"/>
                </a:lnTo>
                <a:lnTo>
                  <a:pt x="4122113" y="6545648"/>
                </a:lnTo>
                <a:lnTo>
                  <a:pt x="4122113" y="6474347"/>
                </a:lnTo>
                <a:close/>
                <a:moveTo>
                  <a:pt x="3908136" y="6474347"/>
                </a:moveTo>
                <a:lnTo>
                  <a:pt x="3908136" y="6545648"/>
                </a:lnTo>
                <a:lnTo>
                  <a:pt x="3979438" y="6545648"/>
                </a:lnTo>
                <a:lnTo>
                  <a:pt x="3979438" y="6474347"/>
                </a:lnTo>
                <a:close/>
                <a:moveTo>
                  <a:pt x="3765462" y="6474347"/>
                </a:moveTo>
                <a:lnTo>
                  <a:pt x="3765462" y="6545648"/>
                </a:lnTo>
                <a:lnTo>
                  <a:pt x="3836763" y="6545648"/>
                </a:lnTo>
                <a:lnTo>
                  <a:pt x="3836763" y="6474347"/>
                </a:lnTo>
                <a:close/>
                <a:moveTo>
                  <a:pt x="3622851" y="6474347"/>
                </a:moveTo>
                <a:lnTo>
                  <a:pt x="3622851" y="6545648"/>
                </a:lnTo>
                <a:lnTo>
                  <a:pt x="3694151" y="6545648"/>
                </a:lnTo>
                <a:lnTo>
                  <a:pt x="3694151" y="6474347"/>
                </a:lnTo>
                <a:close/>
                <a:moveTo>
                  <a:pt x="3480203" y="6474347"/>
                </a:moveTo>
                <a:lnTo>
                  <a:pt x="3480203" y="6545648"/>
                </a:lnTo>
                <a:lnTo>
                  <a:pt x="3551509" y="6545648"/>
                </a:lnTo>
                <a:lnTo>
                  <a:pt x="3551509" y="6474347"/>
                </a:lnTo>
                <a:close/>
                <a:moveTo>
                  <a:pt x="3337579" y="6474347"/>
                </a:moveTo>
                <a:lnTo>
                  <a:pt x="3337579" y="6545648"/>
                </a:lnTo>
                <a:lnTo>
                  <a:pt x="3408880" y="6545648"/>
                </a:lnTo>
                <a:lnTo>
                  <a:pt x="3408880" y="6474347"/>
                </a:lnTo>
                <a:close/>
                <a:moveTo>
                  <a:pt x="3194905" y="6474347"/>
                </a:moveTo>
                <a:lnTo>
                  <a:pt x="3194905" y="6545648"/>
                </a:lnTo>
                <a:lnTo>
                  <a:pt x="3266206" y="6545648"/>
                </a:lnTo>
                <a:lnTo>
                  <a:pt x="3266206" y="6474347"/>
                </a:lnTo>
                <a:close/>
                <a:moveTo>
                  <a:pt x="3052304" y="6474347"/>
                </a:moveTo>
                <a:lnTo>
                  <a:pt x="3052304" y="6545648"/>
                </a:lnTo>
                <a:lnTo>
                  <a:pt x="3123606" y="6545648"/>
                </a:lnTo>
                <a:lnTo>
                  <a:pt x="3123606" y="6474347"/>
                </a:lnTo>
                <a:close/>
                <a:moveTo>
                  <a:pt x="2909633" y="6474347"/>
                </a:moveTo>
                <a:lnTo>
                  <a:pt x="2909633" y="6545648"/>
                </a:lnTo>
                <a:lnTo>
                  <a:pt x="2980934" y="6545648"/>
                </a:lnTo>
                <a:lnTo>
                  <a:pt x="2980934" y="6474347"/>
                </a:lnTo>
                <a:close/>
                <a:moveTo>
                  <a:pt x="2767033" y="6474347"/>
                </a:moveTo>
                <a:lnTo>
                  <a:pt x="2767033" y="6545648"/>
                </a:lnTo>
                <a:lnTo>
                  <a:pt x="2838334" y="6545648"/>
                </a:lnTo>
                <a:lnTo>
                  <a:pt x="2838334" y="6474347"/>
                </a:lnTo>
                <a:close/>
                <a:moveTo>
                  <a:pt x="2624360" y="6474347"/>
                </a:moveTo>
                <a:lnTo>
                  <a:pt x="2624360" y="6545648"/>
                </a:lnTo>
                <a:lnTo>
                  <a:pt x="2695661" y="6545648"/>
                </a:lnTo>
                <a:lnTo>
                  <a:pt x="2695661" y="6474347"/>
                </a:lnTo>
                <a:close/>
                <a:moveTo>
                  <a:pt x="2481690" y="6474347"/>
                </a:moveTo>
                <a:lnTo>
                  <a:pt x="2481690" y="6545648"/>
                </a:lnTo>
                <a:lnTo>
                  <a:pt x="2552990" y="6545648"/>
                </a:lnTo>
                <a:lnTo>
                  <a:pt x="2552990" y="6474347"/>
                </a:lnTo>
                <a:close/>
                <a:moveTo>
                  <a:pt x="2339090" y="6474347"/>
                </a:moveTo>
                <a:lnTo>
                  <a:pt x="2339090" y="6545648"/>
                </a:lnTo>
                <a:lnTo>
                  <a:pt x="2410390" y="6545648"/>
                </a:lnTo>
                <a:lnTo>
                  <a:pt x="2410390" y="6474347"/>
                </a:lnTo>
                <a:close/>
                <a:moveTo>
                  <a:pt x="2196420" y="6474347"/>
                </a:moveTo>
                <a:lnTo>
                  <a:pt x="2196420" y="6545648"/>
                </a:lnTo>
                <a:lnTo>
                  <a:pt x="2267720" y="6545648"/>
                </a:lnTo>
                <a:lnTo>
                  <a:pt x="2267720" y="6474347"/>
                </a:lnTo>
                <a:close/>
                <a:moveTo>
                  <a:pt x="2053813" y="6474347"/>
                </a:moveTo>
                <a:lnTo>
                  <a:pt x="2053813" y="6545648"/>
                </a:lnTo>
                <a:lnTo>
                  <a:pt x="2125117" y="6545648"/>
                </a:lnTo>
                <a:lnTo>
                  <a:pt x="2125117" y="6474347"/>
                </a:lnTo>
                <a:close/>
                <a:moveTo>
                  <a:pt x="1911141" y="6474347"/>
                </a:moveTo>
                <a:lnTo>
                  <a:pt x="1911141" y="6545648"/>
                </a:lnTo>
                <a:lnTo>
                  <a:pt x="1982442" y="6545648"/>
                </a:lnTo>
                <a:lnTo>
                  <a:pt x="1982442" y="6474347"/>
                </a:lnTo>
                <a:close/>
                <a:moveTo>
                  <a:pt x="1768470" y="6474347"/>
                </a:moveTo>
                <a:lnTo>
                  <a:pt x="1768470" y="6545648"/>
                </a:lnTo>
                <a:lnTo>
                  <a:pt x="1839771" y="6545648"/>
                </a:lnTo>
                <a:lnTo>
                  <a:pt x="1839771" y="6474347"/>
                </a:lnTo>
                <a:close/>
                <a:moveTo>
                  <a:pt x="1625870" y="6474347"/>
                </a:moveTo>
                <a:lnTo>
                  <a:pt x="1625870" y="6545648"/>
                </a:lnTo>
                <a:lnTo>
                  <a:pt x="1697170" y="6545648"/>
                </a:lnTo>
                <a:lnTo>
                  <a:pt x="1697170" y="6474347"/>
                </a:lnTo>
                <a:close/>
                <a:moveTo>
                  <a:pt x="1483199" y="6474347"/>
                </a:moveTo>
                <a:lnTo>
                  <a:pt x="1483199" y="6545648"/>
                </a:lnTo>
                <a:lnTo>
                  <a:pt x="1554500" y="6545648"/>
                </a:lnTo>
                <a:lnTo>
                  <a:pt x="1554500" y="6474347"/>
                </a:lnTo>
                <a:close/>
                <a:moveTo>
                  <a:pt x="1340599" y="6474347"/>
                </a:moveTo>
                <a:lnTo>
                  <a:pt x="1340599" y="6545648"/>
                </a:lnTo>
                <a:lnTo>
                  <a:pt x="1411899" y="6545648"/>
                </a:lnTo>
                <a:lnTo>
                  <a:pt x="1411899" y="6474347"/>
                </a:lnTo>
                <a:close/>
                <a:moveTo>
                  <a:pt x="1197929" y="6474347"/>
                </a:moveTo>
                <a:lnTo>
                  <a:pt x="1197929" y="6545648"/>
                </a:lnTo>
                <a:lnTo>
                  <a:pt x="1269230" y="6545648"/>
                </a:lnTo>
                <a:lnTo>
                  <a:pt x="1269230" y="6474347"/>
                </a:lnTo>
                <a:close/>
                <a:moveTo>
                  <a:pt x="1055311" y="6474347"/>
                </a:moveTo>
                <a:lnTo>
                  <a:pt x="1055311" y="6545648"/>
                </a:lnTo>
                <a:lnTo>
                  <a:pt x="1126612" y="6545648"/>
                </a:lnTo>
                <a:lnTo>
                  <a:pt x="1126612" y="6474347"/>
                </a:lnTo>
                <a:close/>
                <a:moveTo>
                  <a:pt x="912657" y="6474347"/>
                </a:moveTo>
                <a:lnTo>
                  <a:pt x="912657" y="6545648"/>
                </a:lnTo>
                <a:lnTo>
                  <a:pt x="983958" y="6545648"/>
                </a:lnTo>
                <a:lnTo>
                  <a:pt x="983958" y="6474347"/>
                </a:lnTo>
                <a:close/>
                <a:moveTo>
                  <a:pt x="771135" y="6474347"/>
                </a:moveTo>
                <a:lnTo>
                  <a:pt x="771135" y="6545648"/>
                </a:lnTo>
                <a:lnTo>
                  <a:pt x="842436" y="6545648"/>
                </a:lnTo>
                <a:lnTo>
                  <a:pt x="842436" y="6474347"/>
                </a:lnTo>
                <a:close/>
                <a:moveTo>
                  <a:pt x="628534" y="6474347"/>
                </a:moveTo>
                <a:lnTo>
                  <a:pt x="628534" y="6545648"/>
                </a:lnTo>
                <a:lnTo>
                  <a:pt x="699835" y="6545648"/>
                </a:lnTo>
                <a:lnTo>
                  <a:pt x="699835" y="6474347"/>
                </a:lnTo>
                <a:close/>
                <a:moveTo>
                  <a:pt x="485863" y="6474347"/>
                </a:moveTo>
                <a:lnTo>
                  <a:pt x="485863" y="6545648"/>
                </a:lnTo>
                <a:lnTo>
                  <a:pt x="557163" y="6545648"/>
                </a:lnTo>
                <a:lnTo>
                  <a:pt x="557163" y="6474347"/>
                </a:lnTo>
                <a:close/>
                <a:moveTo>
                  <a:pt x="343191" y="6474347"/>
                </a:moveTo>
                <a:lnTo>
                  <a:pt x="343191" y="6545648"/>
                </a:lnTo>
                <a:lnTo>
                  <a:pt x="414492" y="6545648"/>
                </a:lnTo>
                <a:lnTo>
                  <a:pt x="414492" y="6474347"/>
                </a:lnTo>
                <a:close/>
                <a:moveTo>
                  <a:pt x="200587" y="6474347"/>
                </a:moveTo>
                <a:lnTo>
                  <a:pt x="200587" y="6545648"/>
                </a:lnTo>
                <a:lnTo>
                  <a:pt x="271888" y="6545648"/>
                </a:lnTo>
                <a:lnTo>
                  <a:pt x="271888" y="6474347"/>
                </a:lnTo>
                <a:close/>
                <a:moveTo>
                  <a:pt x="57918" y="6474347"/>
                </a:moveTo>
                <a:lnTo>
                  <a:pt x="57918" y="6545648"/>
                </a:lnTo>
                <a:lnTo>
                  <a:pt x="129219" y="6545648"/>
                </a:lnTo>
                <a:lnTo>
                  <a:pt x="129219" y="6474347"/>
                </a:lnTo>
                <a:close/>
                <a:moveTo>
                  <a:pt x="10040665" y="6325709"/>
                </a:moveTo>
                <a:lnTo>
                  <a:pt x="10040665" y="6397010"/>
                </a:lnTo>
                <a:lnTo>
                  <a:pt x="10111966" y="6397010"/>
                </a:lnTo>
                <a:lnTo>
                  <a:pt x="10111966" y="6325709"/>
                </a:lnTo>
                <a:close/>
                <a:moveTo>
                  <a:pt x="9898063" y="6325709"/>
                </a:moveTo>
                <a:lnTo>
                  <a:pt x="9898063" y="6397010"/>
                </a:lnTo>
                <a:lnTo>
                  <a:pt x="9969363" y="6397010"/>
                </a:lnTo>
                <a:lnTo>
                  <a:pt x="9969363" y="6325709"/>
                </a:lnTo>
                <a:close/>
                <a:moveTo>
                  <a:pt x="9755391" y="6325709"/>
                </a:moveTo>
                <a:lnTo>
                  <a:pt x="9755391" y="6397010"/>
                </a:lnTo>
                <a:lnTo>
                  <a:pt x="9826692" y="6397010"/>
                </a:lnTo>
                <a:lnTo>
                  <a:pt x="9826692" y="6325709"/>
                </a:lnTo>
                <a:close/>
                <a:moveTo>
                  <a:pt x="9612718" y="6325709"/>
                </a:moveTo>
                <a:lnTo>
                  <a:pt x="9612718" y="6397010"/>
                </a:lnTo>
                <a:lnTo>
                  <a:pt x="9684019" y="6397010"/>
                </a:lnTo>
                <a:lnTo>
                  <a:pt x="9684019" y="6325709"/>
                </a:lnTo>
                <a:close/>
                <a:moveTo>
                  <a:pt x="9470117" y="6325709"/>
                </a:moveTo>
                <a:lnTo>
                  <a:pt x="9470117" y="6397010"/>
                </a:lnTo>
                <a:lnTo>
                  <a:pt x="9541417" y="6397010"/>
                </a:lnTo>
                <a:lnTo>
                  <a:pt x="9541417" y="6325709"/>
                </a:lnTo>
                <a:close/>
                <a:moveTo>
                  <a:pt x="9327444" y="6325709"/>
                </a:moveTo>
                <a:lnTo>
                  <a:pt x="9327444" y="6397010"/>
                </a:lnTo>
                <a:lnTo>
                  <a:pt x="9398745" y="6397010"/>
                </a:lnTo>
                <a:lnTo>
                  <a:pt x="9398745" y="6325709"/>
                </a:lnTo>
                <a:close/>
                <a:moveTo>
                  <a:pt x="9184842" y="6325709"/>
                </a:moveTo>
                <a:lnTo>
                  <a:pt x="9184842" y="6397010"/>
                </a:lnTo>
                <a:lnTo>
                  <a:pt x="9256143" y="6397010"/>
                </a:lnTo>
                <a:lnTo>
                  <a:pt x="9256143" y="6325709"/>
                </a:lnTo>
                <a:close/>
                <a:moveTo>
                  <a:pt x="9042170" y="6325709"/>
                </a:moveTo>
                <a:lnTo>
                  <a:pt x="9042170" y="6397010"/>
                </a:lnTo>
                <a:lnTo>
                  <a:pt x="9113471" y="6397010"/>
                </a:lnTo>
                <a:lnTo>
                  <a:pt x="9113471" y="6325709"/>
                </a:lnTo>
                <a:close/>
                <a:moveTo>
                  <a:pt x="8899568" y="6325709"/>
                </a:moveTo>
                <a:lnTo>
                  <a:pt x="8899568" y="6397010"/>
                </a:lnTo>
                <a:lnTo>
                  <a:pt x="8970869" y="6397010"/>
                </a:lnTo>
                <a:lnTo>
                  <a:pt x="8970869" y="6325709"/>
                </a:lnTo>
                <a:close/>
                <a:moveTo>
                  <a:pt x="8756896" y="6325709"/>
                </a:moveTo>
                <a:lnTo>
                  <a:pt x="8756896" y="6397010"/>
                </a:lnTo>
                <a:lnTo>
                  <a:pt x="8828196" y="6397010"/>
                </a:lnTo>
                <a:lnTo>
                  <a:pt x="8828196" y="6325709"/>
                </a:lnTo>
                <a:close/>
                <a:moveTo>
                  <a:pt x="8614223" y="6325709"/>
                </a:moveTo>
                <a:lnTo>
                  <a:pt x="8614223" y="6397010"/>
                </a:lnTo>
                <a:lnTo>
                  <a:pt x="8685524" y="6397010"/>
                </a:lnTo>
                <a:lnTo>
                  <a:pt x="8685524" y="6325709"/>
                </a:lnTo>
                <a:close/>
                <a:moveTo>
                  <a:pt x="8471622" y="6325709"/>
                </a:moveTo>
                <a:lnTo>
                  <a:pt x="8471622" y="6397010"/>
                </a:lnTo>
                <a:lnTo>
                  <a:pt x="8542923" y="6397010"/>
                </a:lnTo>
                <a:lnTo>
                  <a:pt x="8542923" y="6325709"/>
                </a:lnTo>
                <a:close/>
                <a:moveTo>
                  <a:pt x="8328949" y="6325709"/>
                </a:moveTo>
                <a:lnTo>
                  <a:pt x="8328949" y="6397010"/>
                </a:lnTo>
                <a:lnTo>
                  <a:pt x="8400250" y="6397010"/>
                </a:lnTo>
                <a:lnTo>
                  <a:pt x="8400250" y="6325709"/>
                </a:lnTo>
                <a:close/>
                <a:moveTo>
                  <a:pt x="8186348" y="6325709"/>
                </a:moveTo>
                <a:lnTo>
                  <a:pt x="8186348" y="6397010"/>
                </a:lnTo>
                <a:lnTo>
                  <a:pt x="8257649" y="6397010"/>
                </a:lnTo>
                <a:lnTo>
                  <a:pt x="8257649" y="6325709"/>
                </a:lnTo>
                <a:close/>
                <a:moveTo>
                  <a:pt x="8043675" y="6325709"/>
                </a:moveTo>
                <a:lnTo>
                  <a:pt x="8043675" y="6397010"/>
                </a:lnTo>
                <a:lnTo>
                  <a:pt x="8114976" y="6397010"/>
                </a:lnTo>
                <a:lnTo>
                  <a:pt x="8114976" y="6325709"/>
                </a:lnTo>
                <a:close/>
                <a:moveTo>
                  <a:pt x="7901003" y="6325709"/>
                </a:moveTo>
                <a:lnTo>
                  <a:pt x="7901003" y="6397010"/>
                </a:lnTo>
                <a:lnTo>
                  <a:pt x="7972304" y="6397010"/>
                </a:lnTo>
                <a:lnTo>
                  <a:pt x="7972304" y="6325709"/>
                </a:lnTo>
                <a:close/>
                <a:moveTo>
                  <a:pt x="7758401" y="6325709"/>
                </a:moveTo>
                <a:lnTo>
                  <a:pt x="7758401" y="6397010"/>
                </a:lnTo>
                <a:lnTo>
                  <a:pt x="7829702" y="6397010"/>
                </a:lnTo>
                <a:lnTo>
                  <a:pt x="7829702" y="6325709"/>
                </a:lnTo>
                <a:close/>
                <a:moveTo>
                  <a:pt x="7615728" y="6325709"/>
                </a:moveTo>
                <a:lnTo>
                  <a:pt x="7615728" y="6397010"/>
                </a:lnTo>
                <a:lnTo>
                  <a:pt x="7687029" y="6397010"/>
                </a:lnTo>
                <a:lnTo>
                  <a:pt x="7687029" y="6325709"/>
                </a:lnTo>
                <a:close/>
                <a:moveTo>
                  <a:pt x="7473127" y="6325709"/>
                </a:moveTo>
                <a:lnTo>
                  <a:pt x="7473127" y="6397010"/>
                </a:lnTo>
                <a:lnTo>
                  <a:pt x="7544428" y="6397010"/>
                </a:lnTo>
                <a:lnTo>
                  <a:pt x="7544428" y="6325709"/>
                </a:lnTo>
                <a:close/>
                <a:moveTo>
                  <a:pt x="7330454" y="6325709"/>
                </a:moveTo>
                <a:lnTo>
                  <a:pt x="7330454" y="6397010"/>
                </a:lnTo>
                <a:lnTo>
                  <a:pt x="7401755" y="6397010"/>
                </a:lnTo>
                <a:lnTo>
                  <a:pt x="7401755" y="6325709"/>
                </a:lnTo>
                <a:close/>
                <a:moveTo>
                  <a:pt x="7187853" y="6325709"/>
                </a:moveTo>
                <a:lnTo>
                  <a:pt x="7187853" y="6397010"/>
                </a:lnTo>
                <a:lnTo>
                  <a:pt x="7259154" y="6397010"/>
                </a:lnTo>
                <a:lnTo>
                  <a:pt x="7259154" y="6325709"/>
                </a:lnTo>
                <a:close/>
                <a:moveTo>
                  <a:pt x="7045180" y="6325709"/>
                </a:moveTo>
                <a:lnTo>
                  <a:pt x="7045180" y="6397010"/>
                </a:lnTo>
                <a:lnTo>
                  <a:pt x="7116481" y="6397010"/>
                </a:lnTo>
                <a:lnTo>
                  <a:pt x="7116481" y="6325709"/>
                </a:lnTo>
                <a:close/>
                <a:moveTo>
                  <a:pt x="6902579" y="6325709"/>
                </a:moveTo>
                <a:lnTo>
                  <a:pt x="6902579" y="6397010"/>
                </a:lnTo>
                <a:lnTo>
                  <a:pt x="6973880" y="6397010"/>
                </a:lnTo>
                <a:lnTo>
                  <a:pt x="6973880" y="6325709"/>
                </a:lnTo>
                <a:close/>
                <a:moveTo>
                  <a:pt x="6759906" y="6325709"/>
                </a:moveTo>
                <a:lnTo>
                  <a:pt x="6759906" y="6397010"/>
                </a:lnTo>
                <a:lnTo>
                  <a:pt x="6831207" y="6397010"/>
                </a:lnTo>
                <a:lnTo>
                  <a:pt x="6831207" y="6325709"/>
                </a:lnTo>
                <a:close/>
                <a:moveTo>
                  <a:pt x="6617234" y="6325709"/>
                </a:moveTo>
                <a:lnTo>
                  <a:pt x="6617234" y="6397010"/>
                </a:lnTo>
                <a:lnTo>
                  <a:pt x="6688535" y="6397010"/>
                </a:lnTo>
                <a:lnTo>
                  <a:pt x="6688535" y="6325709"/>
                </a:lnTo>
                <a:close/>
                <a:moveTo>
                  <a:pt x="6474632" y="6325709"/>
                </a:moveTo>
                <a:lnTo>
                  <a:pt x="6474632" y="6397010"/>
                </a:lnTo>
                <a:lnTo>
                  <a:pt x="6545933" y="6397010"/>
                </a:lnTo>
                <a:lnTo>
                  <a:pt x="6545933" y="6325709"/>
                </a:lnTo>
                <a:close/>
                <a:moveTo>
                  <a:pt x="6331959" y="6325709"/>
                </a:moveTo>
                <a:lnTo>
                  <a:pt x="6331959" y="6397010"/>
                </a:lnTo>
                <a:lnTo>
                  <a:pt x="6403260" y="6397010"/>
                </a:lnTo>
                <a:lnTo>
                  <a:pt x="6403260" y="6325709"/>
                </a:lnTo>
                <a:close/>
                <a:moveTo>
                  <a:pt x="6189358" y="6325709"/>
                </a:moveTo>
                <a:lnTo>
                  <a:pt x="6189358" y="6397010"/>
                </a:lnTo>
                <a:lnTo>
                  <a:pt x="6260659" y="6397010"/>
                </a:lnTo>
                <a:lnTo>
                  <a:pt x="6260659" y="6325709"/>
                </a:lnTo>
                <a:close/>
                <a:moveTo>
                  <a:pt x="6046689" y="6325709"/>
                </a:moveTo>
                <a:lnTo>
                  <a:pt x="6046689" y="6397010"/>
                </a:lnTo>
                <a:lnTo>
                  <a:pt x="6117986" y="6397010"/>
                </a:lnTo>
                <a:lnTo>
                  <a:pt x="6117986" y="6325709"/>
                </a:lnTo>
                <a:close/>
                <a:moveTo>
                  <a:pt x="5904023" y="6325709"/>
                </a:moveTo>
                <a:lnTo>
                  <a:pt x="5904023" y="6397010"/>
                </a:lnTo>
                <a:lnTo>
                  <a:pt x="5975319" y="6397010"/>
                </a:lnTo>
                <a:lnTo>
                  <a:pt x="5975319" y="6325709"/>
                </a:lnTo>
                <a:close/>
                <a:moveTo>
                  <a:pt x="5761426" y="6325709"/>
                </a:moveTo>
                <a:lnTo>
                  <a:pt x="5761426" y="6397010"/>
                </a:lnTo>
                <a:lnTo>
                  <a:pt x="5832724" y="6397010"/>
                </a:lnTo>
                <a:lnTo>
                  <a:pt x="5832724" y="6325709"/>
                </a:lnTo>
                <a:close/>
                <a:moveTo>
                  <a:pt x="5618761" y="6325709"/>
                </a:moveTo>
                <a:lnTo>
                  <a:pt x="5618761" y="6397010"/>
                </a:lnTo>
                <a:lnTo>
                  <a:pt x="5690059" y="6397010"/>
                </a:lnTo>
                <a:lnTo>
                  <a:pt x="5690059" y="6325709"/>
                </a:lnTo>
                <a:close/>
                <a:moveTo>
                  <a:pt x="5476167" y="6325709"/>
                </a:moveTo>
                <a:lnTo>
                  <a:pt x="5476167" y="6397010"/>
                </a:lnTo>
                <a:lnTo>
                  <a:pt x="5547465" y="6397010"/>
                </a:lnTo>
                <a:lnTo>
                  <a:pt x="5547465" y="6325709"/>
                </a:lnTo>
                <a:close/>
                <a:moveTo>
                  <a:pt x="5333500" y="6325709"/>
                </a:moveTo>
                <a:lnTo>
                  <a:pt x="5333500" y="6397010"/>
                </a:lnTo>
                <a:lnTo>
                  <a:pt x="5404799" y="6397010"/>
                </a:lnTo>
                <a:lnTo>
                  <a:pt x="5404799" y="6325709"/>
                </a:lnTo>
                <a:close/>
                <a:moveTo>
                  <a:pt x="5190877" y="6325709"/>
                </a:moveTo>
                <a:lnTo>
                  <a:pt x="5190877" y="6397010"/>
                </a:lnTo>
                <a:lnTo>
                  <a:pt x="5262188" y="6397010"/>
                </a:lnTo>
                <a:lnTo>
                  <a:pt x="5262188" y="6325709"/>
                </a:lnTo>
                <a:close/>
                <a:moveTo>
                  <a:pt x="5048236" y="6325709"/>
                </a:moveTo>
                <a:lnTo>
                  <a:pt x="5048236" y="6397010"/>
                </a:lnTo>
                <a:lnTo>
                  <a:pt x="5119528" y="6397010"/>
                </a:lnTo>
                <a:lnTo>
                  <a:pt x="5119528" y="6325709"/>
                </a:lnTo>
                <a:close/>
                <a:moveTo>
                  <a:pt x="4906607" y="6325709"/>
                </a:moveTo>
                <a:lnTo>
                  <a:pt x="4906607" y="6397010"/>
                </a:lnTo>
                <a:lnTo>
                  <a:pt x="4977916" y="6397010"/>
                </a:lnTo>
                <a:lnTo>
                  <a:pt x="4977916" y="6325709"/>
                </a:lnTo>
                <a:close/>
                <a:moveTo>
                  <a:pt x="4764013" y="6325709"/>
                </a:moveTo>
                <a:lnTo>
                  <a:pt x="4764013" y="6397010"/>
                </a:lnTo>
                <a:lnTo>
                  <a:pt x="4835311" y="6397010"/>
                </a:lnTo>
                <a:lnTo>
                  <a:pt x="4835311" y="6325709"/>
                </a:lnTo>
                <a:close/>
                <a:moveTo>
                  <a:pt x="4621342" y="6325709"/>
                </a:moveTo>
                <a:lnTo>
                  <a:pt x="4621342" y="6397010"/>
                </a:lnTo>
                <a:lnTo>
                  <a:pt x="4692639" y="6397010"/>
                </a:lnTo>
                <a:lnTo>
                  <a:pt x="4692639" y="6325709"/>
                </a:lnTo>
                <a:close/>
                <a:moveTo>
                  <a:pt x="4478666" y="6325709"/>
                </a:moveTo>
                <a:lnTo>
                  <a:pt x="4478666" y="6397010"/>
                </a:lnTo>
                <a:lnTo>
                  <a:pt x="4549969" y="6397010"/>
                </a:lnTo>
                <a:lnTo>
                  <a:pt x="4549969" y="6325709"/>
                </a:lnTo>
                <a:close/>
                <a:moveTo>
                  <a:pt x="4336068" y="6325709"/>
                </a:moveTo>
                <a:lnTo>
                  <a:pt x="4336068" y="6397010"/>
                </a:lnTo>
                <a:lnTo>
                  <a:pt x="4407366" y="6397010"/>
                </a:lnTo>
                <a:lnTo>
                  <a:pt x="4407366" y="6325709"/>
                </a:lnTo>
                <a:close/>
                <a:moveTo>
                  <a:pt x="4193413" y="6325709"/>
                </a:moveTo>
                <a:lnTo>
                  <a:pt x="4193413" y="6397010"/>
                </a:lnTo>
                <a:lnTo>
                  <a:pt x="4264695" y="6397010"/>
                </a:lnTo>
                <a:lnTo>
                  <a:pt x="4264695" y="6325709"/>
                </a:lnTo>
                <a:close/>
                <a:moveTo>
                  <a:pt x="4050810" y="6325709"/>
                </a:moveTo>
                <a:lnTo>
                  <a:pt x="4050810" y="6397010"/>
                </a:lnTo>
                <a:lnTo>
                  <a:pt x="4122113" y="6397010"/>
                </a:lnTo>
                <a:lnTo>
                  <a:pt x="4122113" y="6325709"/>
                </a:lnTo>
                <a:close/>
                <a:moveTo>
                  <a:pt x="3908136" y="6325709"/>
                </a:moveTo>
                <a:lnTo>
                  <a:pt x="3908136" y="6397010"/>
                </a:lnTo>
                <a:lnTo>
                  <a:pt x="3979438" y="6397010"/>
                </a:lnTo>
                <a:lnTo>
                  <a:pt x="3979438" y="6325709"/>
                </a:lnTo>
                <a:close/>
                <a:moveTo>
                  <a:pt x="3765462" y="6325709"/>
                </a:moveTo>
                <a:lnTo>
                  <a:pt x="3765462" y="6397010"/>
                </a:lnTo>
                <a:lnTo>
                  <a:pt x="3836763" y="6397010"/>
                </a:lnTo>
                <a:lnTo>
                  <a:pt x="3836763" y="6325709"/>
                </a:lnTo>
                <a:close/>
                <a:moveTo>
                  <a:pt x="3622851" y="6325709"/>
                </a:moveTo>
                <a:lnTo>
                  <a:pt x="3622851" y="6397010"/>
                </a:lnTo>
                <a:lnTo>
                  <a:pt x="3694151" y="6397010"/>
                </a:lnTo>
                <a:lnTo>
                  <a:pt x="3694151" y="6325709"/>
                </a:lnTo>
                <a:close/>
                <a:moveTo>
                  <a:pt x="3480203" y="6325709"/>
                </a:moveTo>
                <a:lnTo>
                  <a:pt x="3480203" y="6397010"/>
                </a:lnTo>
                <a:lnTo>
                  <a:pt x="3551509" y="6397010"/>
                </a:lnTo>
                <a:lnTo>
                  <a:pt x="3551509" y="6325709"/>
                </a:lnTo>
                <a:close/>
                <a:moveTo>
                  <a:pt x="3337580" y="6325709"/>
                </a:moveTo>
                <a:lnTo>
                  <a:pt x="3337580" y="6397010"/>
                </a:lnTo>
                <a:lnTo>
                  <a:pt x="3408881" y="6397010"/>
                </a:lnTo>
                <a:lnTo>
                  <a:pt x="3408881" y="6325709"/>
                </a:lnTo>
                <a:close/>
                <a:moveTo>
                  <a:pt x="3194905" y="6325709"/>
                </a:moveTo>
                <a:lnTo>
                  <a:pt x="3194905" y="6397010"/>
                </a:lnTo>
                <a:lnTo>
                  <a:pt x="3266208" y="6397010"/>
                </a:lnTo>
                <a:lnTo>
                  <a:pt x="3266208" y="6325709"/>
                </a:lnTo>
                <a:close/>
                <a:moveTo>
                  <a:pt x="3052305" y="6325709"/>
                </a:moveTo>
                <a:lnTo>
                  <a:pt x="3052305" y="6397010"/>
                </a:lnTo>
                <a:lnTo>
                  <a:pt x="3123607" y="6397010"/>
                </a:lnTo>
                <a:lnTo>
                  <a:pt x="3123607" y="6325709"/>
                </a:lnTo>
                <a:close/>
                <a:moveTo>
                  <a:pt x="2909633" y="6325709"/>
                </a:moveTo>
                <a:lnTo>
                  <a:pt x="2909633" y="6397010"/>
                </a:lnTo>
                <a:lnTo>
                  <a:pt x="2980934" y="6397010"/>
                </a:lnTo>
                <a:lnTo>
                  <a:pt x="2980934" y="6325709"/>
                </a:lnTo>
                <a:close/>
                <a:moveTo>
                  <a:pt x="2767033" y="6325709"/>
                </a:moveTo>
                <a:lnTo>
                  <a:pt x="2767033" y="6397010"/>
                </a:lnTo>
                <a:lnTo>
                  <a:pt x="2838334" y="6397010"/>
                </a:lnTo>
                <a:lnTo>
                  <a:pt x="2838334" y="6325709"/>
                </a:lnTo>
                <a:close/>
                <a:moveTo>
                  <a:pt x="2624361" y="6325709"/>
                </a:moveTo>
                <a:lnTo>
                  <a:pt x="2624361" y="6397010"/>
                </a:lnTo>
                <a:lnTo>
                  <a:pt x="2695661" y="6397010"/>
                </a:lnTo>
                <a:lnTo>
                  <a:pt x="2695661" y="6325709"/>
                </a:lnTo>
                <a:close/>
                <a:moveTo>
                  <a:pt x="2481690" y="6325709"/>
                </a:moveTo>
                <a:lnTo>
                  <a:pt x="2481690" y="6397010"/>
                </a:lnTo>
                <a:lnTo>
                  <a:pt x="2552991" y="6397010"/>
                </a:lnTo>
                <a:lnTo>
                  <a:pt x="2552991" y="6325709"/>
                </a:lnTo>
                <a:close/>
                <a:moveTo>
                  <a:pt x="2339091" y="6325709"/>
                </a:moveTo>
                <a:lnTo>
                  <a:pt x="2339091" y="6397010"/>
                </a:lnTo>
                <a:lnTo>
                  <a:pt x="2410390" y="6397010"/>
                </a:lnTo>
                <a:lnTo>
                  <a:pt x="2410390" y="6325709"/>
                </a:lnTo>
                <a:close/>
                <a:moveTo>
                  <a:pt x="2196420" y="6325709"/>
                </a:moveTo>
                <a:lnTo>
                  <a:pt x="2196420" y="6397010"/>
                </a:lnTo>
                <a:lnTo>
                  <a:pt x="2267720" y="6397010"/>
                </a:lnTo>
                <a:lnTo>
                  <a:pt x="2267720" y="6325709"/>
                </a:lnTo>
                <a:close/>
                <a:moveTo>
                  <a:pt x="2053813" y="6325709"/>
                </a:moveTo>
                <a:lnTo>
                  <a:pt x="2053813" y="6397010"/>
                </a:lnTo>
                <a:lnTo>
                  <a:pt x="2125117" y="6397010"/>
                </a:lnTo>
                <a:lnTo>
                  <a:pt x="2125117" y="6325709"/>
                </a:lnTo>
                <a:close/>
                <a:moveTo>
                  <a:pt x="1911141" y="6325709"/>
                </a:moveTo>
                <a:lnTo>
                  <a:pt x="1911141" y="6397010"/>
                </a:lnTo>
                <a:lnTo>
                  <a:pt x="1982442" y="6397010"/>
                </a:lnTo>
                <a:lnTo>
                  <a:pt x="1982442" y="6325709"/>
                </a:lnTo>
                <a:close/>
                <a:moveTo>
                  <a:pt x="1768470" y="6325709"/>
                </a:moveTo>
                <a:lnTo>
                  <a:pt x="1768470" y="6397010"/>
                </a:lnTo>
                <a:lnTo>
                  <a:pt x="1839771" y="6397010"/>
                </a:lnTo>
                <a:lnTo>
                  <a:pt x="1839771" y="6325709"/>
                </a:lnTo>
                <a:close/>
                <a:moveTo>
                  <a:pt x="1625870" y="6325709"/>
                </a:moveTo>
                <a:lnTo>
                  <a:pt x="1625870" y="6397010"/>
                </a:lnTo>
                <a:lnTo>
                  <a:pt x="1697170" y="6397010"/>
                </a:lnTo>
                <a:lnTo>
                  <a:pt x="1697170" y="6325709"/>
                </a:lnTo>
                <a:close/>
                <a:moveTo>
                  <a:pt x="1483199" y="6325709"/>
                </a:moveTo>
                <a:lnTo>
                  <a:pt x="1483199" y="6397010"/>
                </a:lnTo>
                <a:lnTo>
                  <a:pt x="1554500" y="6397010"/>
                </a:lnTo>
                <a:lnTo>
                  <a:pt x="1554500" y="6325709"/>
                </a:lnTo>
                <a:close/>
                <a:moveTo>
                  <a:pt x="1340599" y="6325709"/>
                </a:moveTo>
                <a:lnTo>
                  <a:pt x="1340599" y="6397010"/>
                </a:lnTo>
                <a:lnTo>
                  <a:pt x="1411899" y="6397010"/>
                </a:lnTo>
                <a:lnTo>
                  <a:pt x="1411899" y="6325709"/>
                </a:lnTo>
                <a:close/>
                <a:moveTo>
                  <a:pt x="1197929" y="6325709"/>
                </a:moveTo>
                <a:lnTo>
                  <a:pt x="1197929" y="6397010"/>
                </a:lnTo>
                <a:lnTo>
                  <a:pt x="1269230" y="6397010"/>
                </a:lnTo>
                <a:lnTo>
                  <a:pt x="1269230" y="6325709"/>
                </a:lnTo>
                <a:close/>
                <a:moveTo>
                  <a:pt x="1055311" y="6325709"/>
                </a:moveTo>
                <a:lnTo>
                  <a:pt x="1055311" y="6397010"/>
                </a:lnTo>
                <a:lnTo>
                  <a:pt x="1126612" y="6397010"/>
                </a:lnTo>
                <a:lnTo>
                  <a:pt x="1126612" y="6325709"/>
                </a:lnTo>
                <a:close/>
                <a:moveTo>
                  <a:pt x="912657" y="6325709"/>
                </a:moveTo>
                <a:lnTo>
                  <a:pt x="912657" y="6397010"/>
                </a:lnTo>
                <a:lnTo>
                  <a:pt x="983958" y="6397010"/>
                </a:lnTo>
                <a:lnTo>
                  <a:pt x="983958" y="6325709"/>
                </a:lnTo>
                <a:close/>
                <a:moveTo>
                  <a:pt x="771136" y="6325709"/>
                </a:moveTo>
                <a:lnTo>
                  <a:pt x="771136" y="6397010"/>
                </a:lnTo>
                <a:lnTo>
                  <a:pt x="842437" y="6397010"/>
                </a:lnTo>
                <a:lnTo>
                  <a:pt x="842437" y="6325709"/>
                </a:lnTo>
                <a:close/>
                <a:moveTo>
                  <a:pt x="628534" y="6325709"/>
                </a:moveTo>
                <a:lnTo>
                  <a:pt x="628534" y="6397010"/>
                </a:lnTo>
                <a:lnTo>
                  <a:pt x="699835" y="6397010"/>
                </a:lnTo>
                <a:lnTo>
                  <a:pt x="699835" y="6325709"/>
                </a:lnTo>
                <a:close/>
                <a:moveTo>
                  <a:pt x="485863" y="6325709"/>
                </a:moveTo>
                <a:lnTo>
                  <a:pt x="485863" y="6397010"/>
                </a:lnTo>
                <a:lnTo>
                  <a:pt x="557163" y="6397010"/>
                </a:lnTo>
                <a:lnTo>
                  <a:pt x="557163" y="6325709"/>
                </a:lnTo>
                <a:close/>
                <a:moveTo>
                  <a:pt x="343191" y="6325709"/>
                </a:moveTo>
                <a:lnTo>
                  <a:pt x="343191" y="6397010"/>
                </a:lnTo>
                <a:lnTo>
                  <a:pt x="414492" y="6397010"/>
                </a:lnTo>
                <a:lnTo>
                  <a:pt x="414492" y="6325709"/>
                </a:lnTo>
                <a:close/>
                <a:moveTo>
                  <a:pt x="200590" y="6325709"/>
                </a:moveTo>
                <a:lnTo>
                  <a:pt x="200590" y="6397010"/>
                </a:lnTo>
                <a:lnTo>
                  <a:pt x="271891" y="6397010"/>
                </a:lnTo>
                <a:lnTo>
                  <a:pt x="271891" y="6325709"/>
                </a:lnTo>
                <a:close/>
                <a:moveTo>
                  <a:pt x="57918" y="6325709"/>
                </a:moveTo>
                <a:lnTo>
                  <a:pt x="57918" y="6397010"/>
                </a:lnTo>
                <a:lnTo>
                  <a:pt x="129219" y="6397010"/>
                </a:lnTo>
                <a:lnTo>
                  <a:pt x="129219" y="6325709"/>
                </a:lnTo>
                <a:close/>
                <a:moveTo>
                  <a:pt x="9755391" y="6183107"/>
                </a:moveTo>
                <a:lnTo>
                  <a:pt x="9755391" y="6254408"/>
                </a:lnTo>
                <a:lnTo>
                  <a:pt x="9826692" y="6254408"/>
                </a:lnTo>
                <a:lnTo>
                  <a:pt x="9826692" y="6183107"/>
                </a:lnTo>
                <a:close/>
                <a:moveTo>
                  <a:pt x="9612718" y="6183107"/>
                </a:moveTo>
                <a:lnTo>
                  <a:pt x="9612718" y="6254408"/>
                </a:lnTo>
                <a:lnTo>
                  <a:pt x="9684019" y="6254408"/>
                </a:lnTo>
                <a:lnTo>
                  <a:pt x="9684019" y="6183107"/>
                </a:lnTo>
                <a:close/>
                <a:moveTo>
                  <a:pt x="9470117" y="6183107"/>
                </a:moveTo>
                <a:lnTo>
                  <a:pt x="9470117" y="6254408"/>
                </a:lnTo>
                <a:lnTo>
                  <a:pt x="9541417" y="6254408"/>
                </a:lnTo>
                <a:lnTo>
                  <a:pt x="9541417" y="6183107"/>
                </a:lnTo>
                <a:close/>
                <a:moveTo>
                  <a:pt x="9327444" y="6183107"/>
                </a:moveTo>
                <a:lnTo>
                  <a:pt x="9327444" y="6254408"/>
                </a:lnTo>
                <a:lnTo>
                  <a:pt x="9398745" y="6254408"/>
                </a:lnTo>
                <a:lnTo>
                  <a:pt x="9398745" y="6183107"/>
                </a:lnTo>
                <a:close/>
                <a:moveTo>
                  <a:pt x="9184842" y="6183107"/>
                </a:moveTo>
                <a:lnTo>
                  <a:pt x="9184842" y="6254408"/>
                </a:lnTo>
                <a:lnTo>
                  <a:pt x="9256143" y="6254408"/>
                </a:lnTo>
                <a:lnTo>
                  <a:pt x="9256143" y="6183107"/>
                </a:lnTo>
                <a:close/>
                <a:moveTo>
                  <a:pt x="9042170" y="6183107"/>
                </a:moveTo>
                <a:lnTo>
                  <a:pt x="9042170" y="6254408"/>
                </a:lnTo>
                <a:lnTo>
                  <a:pt x="9113471" y="6254408"/>
                </a:lnTo>
                <a:lnTo>
                  <a:pt x="9113471" y="6183107"/>
                </a:lnTo>
                <a:close/>
                <a:moveTo>
                  <a:pt x="8899568" y="6183107"/>
                </a:moveTo>
                <a:lnTo>
                  <a:pt x="8899568" y="6254408"/>
                </a:lnTo>
                <a:lnTo>
                  <a:pt x="8970869" y="6254408"/>
                </a:lnTo>
                <a:lnTo>
                  <a:pt x="8970869" y="6183107"/>
                </a:lnTo>
                <a:close/>
                <a:moveTo>
                  <a:pt x="8756896" y="6183107"/>
                </a:moveTo>
                <a:lnTo>
                  <a:pt x="8756896" y="6254408"/>
                </a:lnTo>
                <a:lnTo>
                  <a:pt x="8828196" y="6254408"/>
                </a:lnTo>
                <a:lnTo>
                  <a:pt x="8828196" y="6183107"/>
                </a:lnTo>
                <a:close/>
                <a:moveTo>
                  <a:pt x="8614223" y="6183107"/>
                </a:moveTo>
                <a:lnTo>
                  <a:pt x="8614223" y="6254408"/>
                </a:lnTo>
                <a:lnTo>
                  <a:pt x="8685524" y="6254408"/>
                </a:lnTo>
                <a:lnTo>
                  <a:pt x="8685524" y="6183107"/>
                </a:lnTo>
                <a:close/>
                <a:moveTo>
                  <a:pt x="8471622" y="6183107"/>
                </a:moveTo>
                <a:lnTo>
                  <a:pt x="8471622" y="6254408"/>
                </a:lnTo>
                <a:lnTo>
                  <a:pt x="8542923" y="6254408"/>
                </a:lnTo>
                <a:lnTo>
                  <a:pt x="8542923" y="6183107"/>
                </a:lnTo>
                <a:close/>
                <a:moveTo>
                  <a:pt x="8328949" y="6183107"/>
                </a:moveTo>
                <a:lnTo>
                  <a:pt x="8328949" y="6254408"/>
                </a:lnTo>
                <a:lnTo>
                  <a:pt x="8400250" y="6254408"/>
                </a:lnTo>
                <a:lnTo>
                  <a:pt x="8400250" y="6183107"/>
                </a:lnTo>
                <a:close/>
                <a:moveTo>
                  <a:pt x="8186348" y="6183107"/>
                </a:moveTo>
                <a:lnTo>
                  <a:pt x="8186348" y="6254408"/>
                </a:lnTo>
                <a:lnTo>
                  <a:pt x="8257649" y="6254408"/>
                </a:lnTo>
                <a:lnTo>
                  <a:pt x="8257649" y="6183107"/>
                </a:lnTo>
                <a:close/>
                <a:moveTo>
                  <a:pt x="8043675" y="6183107"/>
                </a:moveTo>
                <a:lnTo>
                  <a:pt x="8043675" y="6254408"/>
                </a:lnTo>
                <a:lnTo>
                  <a:pt x="8114976" y="6254408"/>
                </a:lnTo>
                <a:lnTo>
                  <a:pt x="8114976" y="6183107"/>
                </a:lnTo>
                <a:close/>
                <a:moveTo>
                  <a:pt x="7901003" y="6183107"/>
                </a:moveTo>
                <a:lnTo>
                  <a:pt x="7901003" y="6254408"/>
                </a:lnTo>
                <a:lnTo>
                  <a:pt x="7972304" y="6254408"/>
                </a:lnTo>
                <a:lnTo>
                  <a:pt x="7972304" y="6183107"/>
                </a:lnTo>
                <a:close/>
                <a:moveTo>
                  <a:pt x="7758401" y="6183107"/>
                </a:moveTo>
                <a:lnTo>
                  <a:pt x="7758401" y="6254408"/>
                </a:lnTo>
                <a:lnTo>
                  <a:pt x="7829702" y="6254408"/>
                </a:lnTo>
                <a:lnTo>
                  <a:pt x="7829702" y="6183107"/>
                </a:lnTo>
                <a:close/>
                <a:moveTo>
                  <a:pt x="7615728" y="6183107"/>
                </a:moveTo>
                <a:lnTo>
                  <a:pt x="7615728" y="6254408"/>
                </a:lnTo>
                <a:lnTo>
                  <a:pt x="7687029" y="6254408"/>
                </a:lnTo>
                <a:lnTo>
                  <a:pt x="7687029" y="6183107"/>
                </a:lnTo>
                <a:close/>
                <a:moveTo>
                  <a:pt x="7473127" y="6183107"/>
                </a:moveTo>
                <a:lnTo>
                  <a:pt x="7473127" y="6254408"/>
                </a:lnTo>
                <a:lnTo>
                  <a:pt x="7544428" y="6254408"/>
                </a:lnTo>
                <a:lnTo>
                  <a:pt x="7544428" y="6183107"/>
                </a:lnTo>
                <a:close/>
                <a:moveTo>
                  <a:pt x="7330454" y="6183107"/>
                </a:moveTo>
                <a:lnTo>
                  <a:pt x="7330454" y="6254408"/>
                </a:lnTo>
                <a:lnTo>
                  <a:pt x="7401755" y="6254408"/>
                </a:lnTo>
                <a:lnTo>
                  <a:pt x="7401755" y="6183107"/>
                </a:lnTo>
                <a:close/>
                <a:moveTo>
                  <a:pt x="7187853" y="6183107"/>
                </a:moveTo>
                <a:lnTo>
                  <a:pt x="7187853" y="6254408"/>
                </a:lnTo>
                <a:lnTo>
                  <a:pt x="7259154" y="6254408"/>
                </a:lnTo>
                <a:lnTo>
                  <a:pt x="7259154" y="6183107"/>
                </a:lnTo>
                <a:close/>
                <a:moveTo>
                  <a:pt x="7045180" y="6183107"/>
                </a:moveTo>
                <a:lnTo>
                  <a:pt x="7045180" y="6254408"/>
                </a:lnTo>
                <a:lnTo>
                  <a:pt x="7116481" y="6254408"/>
                </a:lnTo>
                <a:lnTo>
                  <a:pt x="7116481" y="6183107"/>
                </a:lnTo>
                <a:close/>
                <a:moveTo>
                  <a:pt x="6902579" y="6183107"/>
                </a:moveTo>
                <a:lnTo>
                  <a:pt x="6902579" y="6254408"/>
                </a:lnTo>
                <a:lnTo>
                  <a:pt x="6973880" y="6254408"/>
                </a:lnTo>
                <a:lnTo>
                  <a:pt x="6973880" y="6183107"/>
                </a:lnTo>
                <a:close/>
                <a:moveTo>
                  <a:pt x="6759906" y="6183107"/>
                </a:moveTo>
                <a:lnTo>
                  <a:pt x="6759906" y="6254408"/>
                </a:lnTo>
                <a:lnTo>
                  <a:pt x="6831207" y="6254408"/>
                </a:lnTo>
                <a:lnTo>
                  <a:pt x="6831207" y="6183107"/>
                </a:lnTo>
                <a:close/>
                <a:moveTo>
                  <a:pt x="6617234" y="6183107"/>
                </a:moveTo>
                <a:lnTo>
                  <a:pt x="6617234" y="6254408"/>
                </a:lnTo>
                <a:lnTo>
                  <a:pt x="6688535" y="6254408"/>
                </a:lnTo>
                <a:lnTo>
                  <a:pt x="6688535" y="6183107"/>
                </a:lnTo>
                <a:close/>
                <a:moveTo>
                  <a:pt x="6474632" y="6183107"/>
                </a:moveTo>
                <a:lnTo>
                  <a:pt x="6474632" y="6254408"/>
                </a:lnTo>
                <a:lnTo>
                  <a:pt x="6545933" y="6254408"/>
                </a:lnTo>
                <a:lnTo>
                  <a:pt x="6545933" y="6183107"/>
                </a:lnTo>
                <a:close/>
                <a:moveTo>
                  <a:pt x="6331959" y="6183107"/>
                </a:moveTo>
                <a:lnTo>
                  <a:pt x="6331959" y="6254408"/>
                </a:lnTo>
                <a:lnTo>
                  <a:pt x="6403260" y="6254408"/>
                </a:lnTo>
                <a:lnTo>
                  <a:pt x="6403260" y="6183107"/>
                </a:lnTo>
                <a:close/>
                <a:moveTo>
                  <a:pt x="6189358" y="6183107"/>
                </a:moveTo>
                <a:lnTo>
                  <a:pt x="6189358" y="6254408"/>
                </a:lnTo>
                <a:lnTo>
                  <a:pt x="6260659" y="6254408"/>
                </a:lnTo>
                <a:lnTo>
                  <a:pt x="6260659" y="6183107"/>
                </a:lnTo>
                <a:close/>
                <a:moveTo>
                  <a:pt x="6046689" y="6183107"/>
                </a:moveTo>
                <a:lnTo>
                  <a:pt x="6046689" y="6254408"/>
                </a:lnTo>
                <a:lnTo>
                  <a:pt x="6117986" y="6254408"/>
                </a:lnTo>
                <a:lnTo>
                  <a:pt x="6117986" y="6183107"/>
                </a:lnTo>
                <a:close/>
                <a:moveTo>
                  <a:pt x="5904023" y="6183107"/>
                </a:moveTo>
                <a:lnTo>
                  <a:pt x="5904023" y="6254408"/>
                </a:lnTo>
                <a:lnTo>
                  <a:pt x="5975319" y="6254408"/>
                </a:lnTo>
                <a:lnTo>
                  <a:pt x="5975319" y="6183107"/>
                </a:lnTo>
                <a:close/>
                <a:moveTo>
                  <a:pt x="5761426" y="6183107"/>
                </a:moveTo>
                <a:lnTo>
                  <a:pt x="5761426" y="6254408"/>
                </a:lnTo>
                <a:lnTo>
                  <a:pt x="5832724" y="6254408"/>
                </a:lnTo>
                <a:lnTo>
                  <a:pt x="5832724" y="6183107"/>
                </a:lnTo>
                <a:close/>
                <a:moveTo>
                  <a:pt x="5618761" y="6183107"/>
                </a:moveTo>
                <a:lnTo>
                  <a:pt x="5618761" y="6254408"/>
                </a:lnTo>
                <a:lnTo>
                  <a:pt x="5690059" y="6254408"/>
                </a:lnTo>
                <a:lnTo>
                  <a:pt x="5690059" y="6183107"/>
                </a:lnTo>
                <a:close/>
                <a:moveTo>
                  <a:pt x="5476167" y="6183107"/>
                </a:moveTo>
                <a:lnTo>
                  <a:pt x="5476167" y="6254408"/>
                </a:lnTo>
                <a:lnTo>
                  <a:pt x="5547465" y="6254408"/>
                </a:lnTo>
                <a:lnTo>
                  <a:pt x="5547465" y="6183107"/>
                </a:lnTo>
                <a:close/>
                <a:moveTo>
                  <a:pt x="5333502" y="6183107"/>
                </a:moveTo>
                <a:lnTo>
                  <a:pt x="5333502" y="6254408"/>
                </a:lnTo>
                <a:lnTo>
                  <a:pt x="5404799" y="6254408"/>
                </a:lnTo>
                <a:lnTo>
                  <a:pt x="5404799" y="6183107"/>
                </a:lnTo>
                <a:close/>
                <a:moveTo>
                  <a:pt x="5190877" y="6183107"/>
                </a:moveTo>
                <a:lnTo>
                  <a:pt x="5190877" y="6254408"/>
                </a:lnTo>
                <a:lnTo>
                  <a:pt x="5262188" y="6254408"/>
                </a:lnTo>
                <a:lnTo>
                  <a:pt x="5262188" y="6183107"/>
                </a:lnTo>
                <a:close/>
                <a:moveTo>
                  <a:pt x="5048236" y="6183107"/>
                </a:moveTo>
                <a:lnTo>
                  <a:pt x="5048236" y="6254408"/>
                </a:lnTo>
                <a:lnTo>
                  <a:pt x="5119528" y="6254408"/>
                </a:lnTo>
                <a:lnTo>
                  <a:pt x="5119528" y="6183107"/>
                </a:lnTo>
                <a:close/>
                <a:moveTo>
                  <a:pt x="4906607" y="6183107"/>
                </a:moveTo>
                <a:lnTo>
                  <a:pt x="4906607" y="6254408"/>
                </a:lnTo>
                <a:lnTo>
                  <a:pt x="4977916" y="6254408"/>
                </a:lnTo>
                <a:lnTo>
                  <a:pt x="4977916" y="6183107"/>
                </a:lnTo>
                <a:close/>
                <a:moveTo>
                  <a:pt x="4764013" y="6183107"/>
                </a:moveTo>
                <a:lnTo>
                  <a:pt x="4764013" y="6254408"/>
                </a:lnTo>
                <a:lnTo>
                  <a:pt x="4835311" y="6254408"/>
                </a:lnTo>
                <a:lnTo>
                  <a:pt x="4835311" y="6183107"/>
                </a:lnTo>
                <a:close/>
                <a:moveTo>
                  <a:pt x="4621342" y="6183107"/>
                </a:moveTo>
                <a:lnTo>
                  <a:pt x="4621342" y="6254408"/>
                </a:lnTo>
                <a:lnTo>
                  <a:pt x="4692639" y="6254408"/>
                </a:lnTo>
                <a:lnTo>
                  <a:pt x="4692639" y="6183107"/>
                </a:lnTo>
                <a:close/>
                <a:moveTo>
                  <a:pt x="4478666" y="6183107"/>
                </a:moveTo>
                <a:lnTo>
                  <a:pt x="4478666" y="6254408"/>
                </a:lnTo>
                <a:lnTo>
                  <a:pt x="4549969" y="6254408"/>
                </a:lnTo>
                <a:lnTo>
                  <a:pt x="4549969" y="6183107"/>
                </a:lnTo>
                <a:close/>
                <a:moveTo>
                  <a:pt x="4336068" y="6183107"/>
                </a:moveTo>
                <a:lnTo>
                  <a:pt x="4336068" y="6254408"/>
                </a:lnTo>
                <a:lnTo>
                  <a:pt x="4407366" y="6254408"/>
                </a:lnTo>
                <a:lnTo>
                  <a:pt x="4407366" y="6183107"/>
                </a:lnTo>
                <a:close/>
                <a:moveTo>
                  <a:pt x="4193413" y="6183107"/>
                </a:moveTo>
                <a:lnTo>
                  <a:pt x="4193413" y="6254408"/>
                </a:lnTo>
                <a:lnTo>
                  <a:pt x="4264695" y="6254408"/>
                </a:lnTo>
                <a:lnTo>
                  <a:pt x="4264695" y="6183107"/>
                </a:lnTo>
                <a:close/>
                <a:moveTo>
                  <a:pt x="4050810" y="6183107"/>
                </a:moveTo>
                <a:lnTo>
                  <a:pt x="4050810" y="6254408"/>
                </a:lnTo>
                <a:lnTo>
                  <a:pt x="4122113" y="6254408"/>
                </a:lnTo>
                <a:lnTo>
                  <a:pt x="4122113" y="6183107"/>
                </a:lnTo>
                <a:close/>
                <a:moveTo>
                  <a:pt x="3908136" y="6183107"/>
                </a:moveTo>
                <a:lnTo>
                  <a:pt x="3908136" y="6254408"/>
                </a:lnTo>
                <a:lnTo>
                  <a:pt x="3979438" y="6254408"/>
                </a:lnTo>
                <a:lnTo>
                  <a:pt x="3979438" y="6183107"/>
                </a:lnTo>
                <a:close/>
                <a:moveTo>
                  <a:pt x="3765462" y="6183107"/>
                </a:moveTo>
                <a:lnTo>
                  <a:pt x="3765462" y="6254408"/>
                </a:lnTo>
                <a:lnTo>
                  <a:pt x="3836763" y="6254408"/>
                </a:lnTo>
                <a:lnTo>
                  <a:pt x="3836763" y="6183107"/>
                </a:lnTo>
                <a:close/>
                <a:moveTo>
                  <a:pt x="3622851" y="6183107"/>
                </a:moveTo>
                <a:lnTo>
                  <a:pt x="3622851" y="6254408"/>
                </a:lnTo>
                <a:lnTo>
                  <a:pt x="3694151" y="6254408"/>
                </a:lnTo>
                <a:lnTo>
                  <a:pt x="3694151" y="6183107"/>
                </a:lnTo>
                <a:close/>
                <a:moveTo>
                  <a:pt x="3480203" y="6183107"/>
                </a:moveTo>
                <a:lnTo>
                  <a:pt x="3480203" y="6254408"/>
                </a:lnTo>
                <a:lnTo>
                  <a:pt x="3551509" y="6254408"/>
                </a:lnTo>
                <a:lnTo>
                  <a:pt x="3551509" y="6183107"/>
                </a:lnTo>
                <a:close/>
                <a:moveTo>
                  <a:pt x="3337580" y="6183107"/>
                </a:moveTo>
                <a:lnTo>
                  <a:pt x="3337580" y="6254408"/>
                </a:lnTo>
                <a:lnTo>
                  <a:pt x="3408881" y="6254408"/>
                </a:lnTo>
                <a:lnTo>
                  <a:pt x="3408881" y="6183107"/>
                </a:lnTo>
                <a:close/>
                <a:moveTo>
                  <a:pt x="3194906" y="6183107"/>
                </a:moveTo>
                <a:lnTo>
                  <a:pt x="3194906" y="6254408"/>
                </a:lnTo>
                <a:lnTo>
                  <a:pt x="3266208" y="6254408"/>
                </a:lnTo>
                <a:lnTo>
                  <a:pt x="3266208" y="6183107"/>
                </a:lnTo>
                <a:close/>
                <a:moveTo>
                  <a:pt x="3052305" y="6183107"/>
                </a:moveTo>
                <a:lnTo>
                  <a:pt x="3052305" y="6254408"/>
                </a:lnTo>
                <a:lnTo>
                  <a:pt x="3123607" y="6254408"/>
                </a:lnTo>
                <a:lnTo>
                  <a:pt x="3123607" y="6183107"/>
                </a:lnTo>
                <a:close/>
                <a:moveTo>
                  <a:pt x="2909634" y="6183107"/>
                </a:moveTo>
                <a:lnTo>
                  <a:pt x="2909634" y="6254408"/>
                </a:lnTo>
                <a:lnTo>
                  <a:pt x="2980934" y="6254408"/>
                </a:lnTo>
                <a:lnTo>
                  <a:pt x="2980934" y="6183107"/>
                </a:lnTo>
                <a:close/>
                <a:moveTo>
                  <a:pt x="2767033" y="6183107"/>
                </a:moveTo>
                <a:lnTo>
                  <a:pt x="2767033" y="6254408"/>
                </a:lnTo>
                <a:lnTo>
                  <a:pt x="2838334" y="6254408"/>
                </a:lnTo>
                <a:lnTo>
                  <a:pt x="2838334" y="6183107"/>
                </a:lnTo>
                <a:close/>
                <a:moveTo>
                  <a:pt x="2624361" y="6183107"/>
                </a:moveTo>
                <a:lnTo>
                  <a:pt x="2624361" y="6254408"/>
                </a:lnTo>
                <a:lnTo>
                  <a:pt x="2695661" y="6254408"/>
                </a:lnTo>
                <a:lnTo>
                  <a:pt x="2695661" y="6183107"/>
                </a:lnTo>
                <a:close/>
                <a:moveTo>
                  <a:pt x="2481690" y="6183107"/>
                </a:moveTo>
                <a:lnTo>
                  <a:pt x="2481690" y="6254408"/>
                </a:lnTo>
                <a:lnTo>
                  <a:pt x="2552991" y="6254408"/>
                </a:lnTo>
                <a:lnTo>
                  <a:pt x="2552991" y="6183107"/>
                </a:lnTo>
                <a:close/>
                <a:moveTo>
                  <a:pt x="2339091" y="6183107"/>
                </a:moveTo>
                <a:lnTo>
                  <a:pt x="2339091" y="6254408"/>
                </a:lnTo>
                <a:lnTo>
                  <a:pt x="2410392" y="6254408"/>
                </a:lnTo>
                <a:lnTo>
                  <a:pt x="2410392" y="6183107"/>
                </a:lnTo>
                <a:close/>
                <a:moveTo>
                  <a:pt x="2196420" y="6183107"/>
                </a:moveTo>
                <a:lnTo>
                  <a:pt x="2196420" y="6254408"/>
                </a:lnTo>
                <a:lnTo>
                  <a:pt x="2267721" y="6254408"/>
                </a:lnTo>
                <a:lnTo>
                  <a:pt x="2267721" y="6183107"/>
                </a:lnTo>
                <a:close/>
                <a:moveTo>
                  <a:pt x="2053813" y="6183107"/>
                </a:moveTo>
                <a:lnTo>
                  <a:pt x="2053813" y="6254408"/>
                </a:lnTo>
                <a:lnTo>
                  <a:pt x="2125117" y="6254408"/>
                </a:lnTo>
                <a:lnTo>
                  <a:pt x="2125117" y="6183107"/>
                </a:lnTo>
                <a:close/>
                <a:moveTo>
                  <a:pt x="1911141" y="6183107"/>
                </a:moveTo>
                <a:lnTo>
                  <a:pt x="1911141" y="6254408"/>
                </a:lnTo>
                <a:lnTo>
                  <a:pt x="1982442" y="6254408"/>
                </a:lnTo>
                <a:lnTo>
                  <a:pt x="1982442" y="6183107"/>
                </a:lnTo>
                <a:close/>
                <a:moveTo>
                  <a:pt x="1768470" y="6183107"/>
                </a:moveTo>
                <a:lnTo>
                  <a:pt x="1768470" y="6254408"/>
                </a:lnTo>
                <a:lnTo>
                  <a:pt x="1839771" y="6254408"/>
                </a:lnTo>
                <a:lnTo>
                  <a:pt x="1839771" y="6183107"/>
                </a:lnTo>
                <a:close/>
                <a:moveTo>
                  <a:pt x="1625870" y="6183107"/>
                </a:moveTo>
                <a:lnTo>
                  <a:pt x="1625870" y="6254408"/>
                </a:lnTo>
                <a:lnTo>
                  <a:pt x="1697171" y="6254408"/>
                </a:lnTo>
                <a:lnTo>
                  <a:pt x="1697171" y="6183107"/>
                </a:lnTo>
                <a:close/>
                <a:moveTo>
                  <a:pt x="1483199" y="6183107"/>
                </a:moveTo>
                <a:lnTo>
                  <a:pt x="1483199" y="6254408"/>
                </a:lnTo>
                <a:lnTo>
                  <a:pt x="1554500" y="6254408"/>
                </a:lnTo>
                <a:lnTo>
                  <a:pt x="1554500" y="6183107"/>
                </a:lnTo>
                <a:close/>
                <a:moveTo>
                  <a:pt x="1340599" y="6183107"/>
                </a:moveTo>
                <a:lnTo>
                  <a:pt x="1340599" y="6254408"/>
                </a:lnTo>
                <a:lnTo>
                  <a:pt x="1411901" y="6254408"/>
                </a:lnTo>
                <a:lnTo>
                  <a:pt x="1411901" y="6183107"/>
                </a:lnTo>
                <a:close/>
                <a:moveTo>
                  <a:pt x="1197929" y="6183107"/>
                </a:moveTo>
                <a:lnTo>
                  <a:pt x="1197929" y="6254408"/>
                </a:lnTo>
                <a:lnTo>
                  <a:pt x="1269230" y="6254408"/>
                </a:lnTo>
                <a:lnTo>
                  <a:pt x="1269230" y="6183107"/>
                </a:lnTo>
                <a:close/>
                <a:moveTo>
                  <a:pt x="1055311" y="6183107"/>
                </a:moveTo>
                <a:lnTo>
                  <a:pt x="1055311" y="6254408"/>
                </a:lnTo>
                <a:lnTo>
                  <a:pt x="1126612" y="6254408"/>
                </a:lnTo>
                <a:lnTo>
                  <a:pt x="1126612" y="6183107"/>
                </a:lnTo>
                <a:close/>
                <a:moveTo>
                  <a:pt x="912657" y="6183107"/>
                </a:moveTo>
                <a:lnTo>
                  <a:pt x="912657" y="6254408"/>
                </a:lnTo>
                <a:lnTo>
                  <a:pt x="983958" y="6254408"/>
                </a:lnTo>
                <a:lnTo>
                  <a:pt x="983958" y="6183107"/>
                </a:lnTo>
                <a:close/>
                <a:moveTo>
                  <a:pt x="771136" y="6183107"/>
                </a:moveTo>
                <a:lnTo>
                  <a:pt x="771136" y="6254408"/>
                </a:lnTo>
                <a:lnTo>
                  <a:pt x="842437" y="6254408"/>
                </a:lnTo>
                <a:lnTo>
                  <a:pt x="842437" y="6183107"/>
                </a:lnTo>
                <a:close/>
                <a:moveTo>
                  <a:pt x="628534" y="6183107"/>
                </a:moveTo>
                <a:lnTo>
                  <a:pt x="628534" y="6254408"/>
                </a:lnTo>
                <a:lnTo>
                  <a:pt x="699835" y="6254408"/>
                </a:lnTo>
                <a:lnTo>
                  <a:pt x="699835" y="6183107"/>
                </a:lnTo>
                <a:close/>
                <a:moveTo>
                  <a:pt x="485863" y="6183107"/>
                </a:moveTo>
                <a:lnTo>
                  <a:pt x="485863" y="6254408"/>
                </a:lnTo>
                <a:lnTo>
                  <a:pt x="557163" y="6254408"/>
                </a:lnTo>
                <a:lnTo>
                  <a:pt x="557163" y="6183107"/>
                </a:lnTo>
                <a:close/>
                <a:moveTo>
                  <a:pt x="343191" y="6183107"/>
                </a:moveTo>
                <a:lnTo>
                  <a:pt x="343191" y="6254408"/>
                </a:lnTo>
                <a:lnTo>
                  <a:pt x="414492" y="6254408"/>
                </a:lnTo>
                <a:lnTo>
                  <a:pt x="414492" y="6183107"/>
                </a:lnTo>
                <a:close/>
                <a:moveTo>
                  <a:pt x="200590" y="6183107"/>
                </a:moveTo>
                <a:lnTo>
                  <a:pt x="200590" y="6254408"/>
                </a:lnTo>
                <a:lnTo>
                  <a:pt x="271891" y="6254408"/>
                </a:lnTo>
                <a:lnTo>
                  <a:pt x="271891" y="6183107"/>
                </a:lnTo>
                <a:close/>
                <a:moveTo>
                  <a:pt x="57918" y="6183107"/>
                </a:moveTo>
                <a:lnTo>
                  <a:pt x="57918" y="6254408"/>
                </a:lnTo>
                <a:lnTo>
                  <a:pt x="129219" y="6254408"/>
                </a:lnTo>
                <a:lnTo>
                  <a:pt x="129219" y="6183107"/>
                </a:lnTo>
                <a:close/>
                <a:moveTo>
                  <a:pt x="10040665" y="6040435"/>
                </a:moveTo>
                <a:lnTo>
                  <a:pt x="10040665" y="6111736"/>
                </a:lnTo>
                <a:lnTo>
                  <a:pt x="10111966" y="6111736"/>
                </a:lnTo>
                <a:lnTo>
                  <a:pt x="10111966" y="6040435"/>
                </a:lnTo>
                <a:close/>
                <a:moveTo>
                  <a:pt x="9898063" y="6040435"/>
                </a:moveTo>
                <a:lnTo>
                  <a:pt x="9898063" y="6111736"/>
                </a:lnTo>
                <a:lnTo>
                  <a:pt x="9969363" y="6111736"/>
                </a:lnTo>
                <a:lnTo>
                  <a:pt x="9969363" y="6040435"/>
                </a:lnTo>
                <a:close/>
                <a:moveTo>
                  <a:pt x="9755391" y="6040435"/>
                </a:moveTo>
                <a:lnTo>
                  <a:pt x="9755391" y="6111736"/>
                </a:lnTo>
                <a:lnTo>
                  <a:pt x="9826692" y="6111736"/>
                </a:lnTo>
                <a:lnTo>
                  <a:pt x="9826692" y="6040435"/>
                </a:lnTo>
                <a:close/>
                <a:moveTo>
                  <a:pt x="9612718" y="6040435"/>
                </a:moveTo>
                <a:lnTo>
                  <a:pt x="9612718" y="6111736"/>
                </a:lnTo>
                <a:lnTo>
                  <a:pt x="9684019" y="6111736"/>
                </a:lnTo>
                <a:lnTo>
                  <a:pt x="9684019" y="6040435"/>
                </a:lnTo>
                <a:close/>
                <a:moveTo>
                  <a:pt x="9470117" y="6040435"/>
                </a:moveTo>
                <a:lnTo>
                  <a:pt x="9470117" y="6111736"/>
                </a:lnTo>
                <a:lnTo>
                  <a:pt x="9541417" y="6111736"/>
                </a:lnTo>
                <a:lnTo>
                  <a:pt x="9541417" y="6040435"/>
                </a:lnTo>
                <a:close/>
                <a:moveTo>
                  <a:pt x="9327444" y="6040435"/>
                </a:moveTo>
                <a:lnTo>
                  <a:pt x="9327444" y="6111736"/>
                </a:lnTo>
                <a:lnTo>
                  <a:pt x="9398745" y="6111736"/>
                </a:lnTo>
                <a:lnTo>
                  <a:pt x="9398745" y="6040435"/>
                </a:lnTo>
                <a:close/>
                <a:moveTo>
                  <a:pt x="9184842" y="6040435"/>
                </a:moveTo>
                <a:lnTo>
                  <a:pt x="9184842" y="6111736"/>
                </a:lnTo>
                <a:lnTo>
                  <a:pt x="9256143" y="6111736"/>
                </a:lnTo>
                <a:lnTo>
                  <a:pt x="9256143" y="6040435"/>
                </a:lnTo>
                <a:close/>
                <a:moveTo>
                  <a:pt x="9042170" y="6040435"/>
                </a:moveTo>
                <a:lnTo>
                  <a:pt x="9042170" y="6111736"/>
                </a:lnTo>
                <a:lnTo>
                  <a:pt x="9113471" y="6111736"/>
                </a:lnTo>
                <a:lnTo>
                  <a:pt x="9113471" y="6040435"/>
                </a:lnTo>
                <a:close/>
                <a:moveTo>
                  <a:pt x="8899568" y="6040435"/>
                </a:moveTo>
                <a:lnTo>
                  <a:pt x="8899568" y="6111736"/>
                </a:lnTo>
                <a:lnTo>
                  <a:pt x="8970869" y="6111736"/>
                </a:lnTo>
                <a:lnTo>
                  <a:pt x="8970869" y="6040435"/>
                </a:lnTo>
                <a:close/>
                <a:moveTo>
                  <a:pt x="8756896" y="6040435"/>
                </a:moveTo>
                <a:lnTo>
                  <a:pt x="8756896" y="6111736"/>
                </a:lnTo>
                <a:lnTo>
                  <a:pt x="8828196" y="6111736"/>
                </a:lnTo>
                <a:lnTo>
                  <a:pt x="8828196" y="6040435"/>
                </a:lnTo>
                <a:close/>
                <a:moveTo>
                  <a:pt x="8614223" y="6040435"/>
                </a:moveTo>
                <a:lnTo>
                  <a:pt x="8614223" y="6111736"/>
                </a:lnTo>
                <a:lnTo>
                  <a:pt x="8685524" y="6111736"/>
                </a:lnTo>
                <a:lnTo>
                  <a:pt x="8685524" y="6040435"/>
                </a:lnTo>
                <a:close/>
                <a:moveTo>
                  <a:pt x="8471622" y="6040435"/>
                </a:moveTo>
                <a:lnTo>
                  <a:pt x="8471622" y="6111736"/>
                </a:lnTo>
                <a:lnTo>
                  <a:pt x="8542923" y="6111736"/>
                </a:lnTo>
                <a:lnTo>
                  <a:pt x="8542923" y="6040435"/>
                </a:lnTo>
                <a:close/>
                <a:moveTo>
                  <a:pt x="8328949" y="6040435"/>
                </a:moveTo>
                <a:lnTo>
                  <a:pt x="8328949" y="6111736"/>
                </a:lnTo>
                <a:lnTo>
                  <a:pt x="8400250" y="6111736"/>
                </a:lnTo>
                <a:lnTo>
                  <a:pt x="8400250" y="6040435"/>
                </a:lnTo>
                <a:close/>
                <a:moveTo>
                  <a:pt x="8186348" y="6040435"/>
                </a:moveTo>
                <a:lnTo>
                  <a:pt x="8186348" y="6111736"/>
                </a:lnTo>
                <a:lnTo>
                  <a:pt x="8257649" y="6111736"/>
                </a:lnTo>
                <a:lnTo>
                  <a:pt x="8257649" y="6040435"/>
                </a:lnTo>
                <a:close/>
                <a:moveTo>
                  <a:pt x="8043675" y="6040435"/>
                </a:moveTo>
                <a:lnTo>
                  <a:pt x="8043675" y="6111736"/>
                </a:lnTo>
                <a:lnTo>
                  <a:pt x="8114976" y="6111736"/>
                </a:lnTo>
                <a:lnTo>
                  <a:pt x="8114976" y="6040435"/>
                </a:lnTo>
                <a:close/>
                <a:moveTo>
                  <a:pt x="7901003" y="6040435"/>
                </a:moveTo>
                <a:lnTo>
                  <a:pt x="7901003" y="6111736"/>
                </a:lnTo>
                <a:lnTo>
                  <a:pt x="7972304" y="6111736"/>
                </a:lnTo>
                <a:lnTo>
                  <a:pt x="7972304" y="6040435"/>
                </a:lnTo>
                <a:close/>
                <a:moveTo>
                  <a:pt x="7758401" y="6040435"/>
                </a:moveTo>
                <a:lnTo>
                  <a:pt x="7758401" y="6111736"/>
                </a:lnTo>
                <a:lnTo>
                  <a:pt x="7829702" y="6111736"/>
                </a:lnTo>
                <a:lnTo>
                  <a:pt x="7829702" y="6040435"/>
                </a:lnTo>
                <a:close/>
                <a:moveTo>
                  <a:pt x="7615728" y="6040435"/>
                </a:moveTo>
                <a:lnTo>
                  <a:pt x="7615728" y="6111736"/>
                </a:lnTo>
                <a:lnTo>
                  <a:pt x="7687029" y="6111736"/>
                </a:lnTo>
                <a:lnTo>
                  <a:pt x="7687029" y="6040435"/>
                </a:lnTo>
                <a:close/>
                <a:moveTo>
                  <a:pt x="7473127" y="6040435"/>
                </a:moveTo>
                <a:lnTo>
                  <a:pt x="7473127" y="6111736"/>
                </a:lnTo>
                <a:lnTo>
                  <a:pt x="7544428" y="6111736"/>
                </a:lnTo>
                <a:lnTo>
                  <a:pt x="7544428" y="6040435"/>
                </a:lnTo>
                <a:close/>
                <a:moveTo>
                  <a:pt x="7330454" y="6040435"/>
                </a:moveTo>
                <a:lnTo>
                  <a:pt x="7330454" y="6111736"/>
                </a:lnTo>
                <a:lnTo>
                  <a:pt x="7401755" y="6111736"/>
                </a:lnTo>
                <a:lnTo>
                  <a:pt x="7401755" y="6040435"/>
                </a:lnTo>
                <a:close/>
                <a:moveTo>
                  <a:pt x="7187853" y="6040435"/>
                </a:moveTo>
                <a:lnTo>
                  <a:pt x="7187853" y="6111736"/>
                </a:lnTo>
                <a:lnTo>
                  <a:pt x="7259154" y="6111736"/>
                </a:lnTo>
                <a:lnTo>
                  <a:pt x="7259154" y="6040435"/>
                </a:lnTo>
                <a:close/>
                <a:moveTo>
                  <a:pt x="7045180" y="6040435"/>
                </a:moveTo>
                <a:lnTo>
                  <a:pt x="7045180" y="6111736"/>
                </a:lnTo>
                <a:lnTo>
                  <a:pt x="7116481" y="6111736"/>
                </a:lnTo>
                <a:lnTo>
                  <a:pt x="7116481" y="6040435"/>
                </a:lnTo>
                <a:close/>
                <a:moveTo>
                  <a:pt x="6902579" y="6040435"/>
                </a:moveTo>
                <a:lnTo>
                  <a:pt x="6902579" y="6111736"/>
                </a:lnTo>
                <a:lnTo>
                  <a:pt x="6973880" y="6111736"/>
                </a:lnTo>
                <a:lnTo>
                  <a:pt x="6973880" y="6040435"/>
                </a:lnTo>
                <a:close/>
                <a:moveTo>
                  <a:pt x="6759906" y="6040435"/>
                </a:moveTo>
                <a:lnTo>
                  <a:pt x="6759906" y="6111736"/>
                </a:lnTo>
                <a:lnTo>
                  <a:pt x="6831207" y="6111736"/>
                </a:lnTo>
                <a:lnTo>
                  <a:pt x="6831207" y="6040435"/>
                </a:lnTo>
                <a:close/>
                <a:moveTo>
                  <a:pt x="6617234" y="6040435"/>
                </a:moveTo>
                <a:lnTo>
                  <a:pt x="6617234" y="6111736"/>
                </a:lnTo>
                <a:lnTo>
                  <a:pt x="6688535" y="6111736"/>
                </a:lnTo>
                <a:lnTo>
                  <a:pt x="6688535" y="6040435"/>
                </a:lnTo>
                <a:close/>
                <a:moveTo>
                  <a:pt x="6474632" y="6040435"/>
                </a:moveTo>
                <a:lnTo>
                  <a:pt x="6474632" y="6111736"/>
                </a:lnTo>
                <a:lnTo>
                  <a:pt x="6545933" y="6111736"/>
                </a:lnTo>
                <a:lnTo>
                  <a:pt x="6545933" y="6040435"/>
                </a:lnTo>
                <a:close/>
                <a:moveTo>
                  <a:pt x="6331959" y="6040435"/>
                </a:moveTo>
                <a:lnTo>
                  <a:pt x="6331959" y="6111736"/>
                </a:lnTo>
                <a:lnTo>
                  <a:pt x="6403260" y="6111736"/>
                </a:lnTo>
                <a:lnTo>
                  <a:pt x="6403260" y="6040435"/>
                </a:lnTo>
                <a:close/>
                <a:moveTo>
                  <a:pt x="6189358" y="6040435"/>
                </a:moveTo>
                <a:lnTo>
                  <a:pt x="6189358" y="6111736"/>
                </a:lnTo>
                <a:lnTo>
                  <a:pt x="6260659" y="6111736"/>
                </a:lnTo>
                <a:lnTo>
                  <a:pt x="6260659" y="6040435"/>
                </a:lnTo>
                <a:close/>
                <a:moveTo>
                  <a:pt x="6046689" y="6040435"/>
                </a:moveTo>
                <a:lnTo>
                  <a:pt x="6046689" y="6111736"/>
                </a:lnTo>
                <a:lnTo>
                  <a:pt x="6117986" y="6111736"/>
                </a:lnTo>
                <a:lnTo>
                  <a:pt x="6117986" y="6040435"/>
                </a:lnTo>
                <a:close/>
                <a:moveTo>
                  <a:pt x="5904023" y="6040435"/>
                </a:moveTo>
                <a:lnTo>
                  <a:pt x="5904023" y="6111736"/>
                </a:lnTo>
                <a:lnTo>
                  <a:pt x="5975319" y="6111736"/>
                </a:lnTo>
                <a:lnTo>
                  <a:pt x="5975319" y="6040435"/>
                </a:lnTo>
                <a:close/>
                <a:moveTo>
                  <a:pt x="5761426" y="6040435"/>
                </a:moveTo>
                <a:lnTo>
                  <a:pt x="5761426" y="6111736"/>
                </a:lnTo>
                <a:lnTo>
                  <a:pt x="5832724" y="6111736"/>
                </a:lnTo>
                <a:lnTo>
                  <a:pt x="5832724" y="6040435"/>
                </a:lnTo>
                <a:close/>
                <a:moveTo>
                  <a:pt x="5618761" y="6040435"/>
                </a:moveTo>
                <a:lnTo>
                  <a:pt x="5618761" y="6111736"/>
                </a:lnTo>
                <a:lnTo>
                  <a:pt x="5690059" y="6111736"/>
                </a:lnTo>
                <a:lnTo>
                  <a:pt x="5690059" y="6040435"/>
                </a:lnTo>
                <a:close/>
                <a:moveTo>
                  <a:pt x="5476167" y="6040435"/>
                </a:moveTo>
                <a:lnTo>
                  <a:pt x="5476167" y="6111736"/>
                </a:lnTo>
                <a:lnTo>
                  <a:pt x="5547465" y="6111736"/>
                </a:lnTo>
                <a:lnTo>
                  <a:pt x="5547465" y="6040435"/>
                </a:lnTo>
                <a:close/>
                <a:moveTo>
                  <a:pt x="5333502" y="6040435"/>
                </a:moveTo>
                <a:lnTo>
                  <a:pt x="5333502" y="6111736"/>
                </a:lnTo>
                <a:lnTo>
                  <a:pt x="5404800" y="6111736"/>
                </a:lnTo>
                <a:lnTo>
                  <a:pt x="5404800" y="6040435"/>
                </a:lnTo>
                <a:close/>
                <a:moveTo>
                  <a:pt x="5190877" y="6040435"/>
                </a:moveTo>
                <a:lnTo>
                  <a:pt x="5190877" y="6111736"/>
                </a:lnTo>
                <a:lnTo>
                  <a:pt x="5262188" y="6111736"/>
                </a:lnTo>
                <a:lnTo>
                  <a:pt x="5262188" y="6040435"/>
                </a:lnTo>
                <a:close/>
                <a:moveTo>
                  <a:pt x="5048236" y="6040435"/>
                </a:moveTo>
                <a:lnTo>
                  <a:pt x="5048236" y="6111736"/>
                </a:lnTo>
                <a:lnTo>
                  <a:pt x="5119528" y="6111736"/>
                </a:lnTo>
                <a:lnTo>
                  <a:pt x="5119528" y="6040435"/>
                </a:lnTo>
                <a:close/>
                <a:moveTo>
                  <a:pt x="4906607" y="6040435"/>
                </a:moveTo>
                <a:lnTo>
                  <a:pt x="4906607" y="6111736"/>
                </a:lnTo>
                <a:lnTo>
                  <a:pt x="4977916" y="6111736"/>
                </a:lnTo>
                <a:lnTo>
                  <a:pt x="4977916" y="6040435"/>
                </a:lnTo>
                <a:close/>
                <a:moveTo>
                  <a:pt x="4764013" y="6040435"/>
                </a:moveTo>
                <a:lnTo>
                  <a:pt x="4764013" y="6111736"/>
                </a:lnTo>
                <a:lnTo>
                  <a:pt x="4835311" y="6111736"/>
                </a:lnTo>
                <a:lnTo>
                  <a:pt x="4835311" y="6040435"/>
                </a:lnTo>
                <a:close/>
                <a:moveTo>
                  <a:pt x="4621342" y="6040435"/>
                </a:moveTo>
                <a:lnTo>
                  <a:pt x="4621342" y="6111736"/>
                </a:lnTo>
                <a:lnTo>
                  <a:pt x="4692639" y="6111736"/>
                </a:lnTo>
                <a:lnTo>
                  <a:pt x="4692639" y="6040435"/>
                </a:lnTo>
                <a:close/>
                <a:moveTo>
                  <a:pt x="4478666" y="6040435"/>
                </a:moveTo>
                <a:lnTo>
                  <a:pt x="4478666" y="6111736"/>
                </a:lnTo>
                <a:lnTo>
                  <a:pt x="4549971" y="6111736"/>
                </a:lnTo>
                <a:lnTo>
                  <a:pt x="4549971" y="6040435"/>
                </a:lnTo>
                <a:close/>
                <a:moveTo>
                  <a:pt x="4336068" y="6040435"/>
                </a:moveTo>
                <a:lnTo>
                  <a:pt x="4336068" y="6111736"/>
                </a:lnTo>
                <a:lnTo>
                  <a:pt x="4407366" y="6111736"/>
                </a:lnTo>
                <a:lnTo>
                  <a:pt x="4407366" y="6040435"/>
                </a:lnTo>
                <a:close/>
                <a:moveTo>
                  <a:pt x="4193413" y="6040435"/>
                </a:moveTo>
                <a:lnTo>
                  <a:pt x="4193413" y="6111736"/>
                </a:lnTo>
                <a:lnTo>
                  <a:pt x="4264695" y="6111736"/>
                </a:lnTo>
                <a:lnTo>
                  <a:pt x="4264695" y="6040435"/>
                </a:lnTo>
                <a:close/>
                <a:moveTo>
                  <a:pt x="4050810" y="6040435"/>
                </a:moveTo>
                <a:lnTo>
                  <a:pt x="4050810" y="6111736"/>
                </a:lnTo>
                <a:lnTo>
                  <a:pt x="4122113" y="6111736"/>
                </a:lnTo>
                <a:lnTo>
                  <a:pt x="4122113" y="6040435"/>
                </a:lnTo>
                <a:close/>
                <a:moveTo>
                  <a:pt x="3908138" y="6040435"/>
                </a:moveTo>
                <a:lnTo>
                  <a:pt x="3908138" y="6111736"/>
                </a:lnTo>
                <a:lnTo>
                  <a:pt x="3979439" y="6111736"/>
                </a:lnTo>
                <a:lnTo>
                  <a:pt x="3979439" y="6040435"/>
                </a:lnTo>
                <a:close/>
                <a:moveTo>
                  <a:pt x="3765464" y="6040435"/>
                </a:moveTo>
                <a:lnTo>
                  <a:pt x="3765464" y="6111736"/>
                </a:lnTo>
                <a:lnTo>
                  <a:pt x="3836763" y="6111736"/>
                </a:lnTo>
                <a:lnTo>
                  <a:pt x="3836763" y="6040435"/>
                </a:lnTo>
                <a:close/>
                <a:moveTo>
                  <a:pt x="3622853" y="6040435"/>
                </a:moveTo>
                <a:lnTo>
                  <a:pt x="3622853" y="6111736"/>
                </a:lnTo>
                <a:lnTo>
                  <a:pt x="3694151" y="6111736"/>
                </a:lnTo>
                <a:lnTo>
                  <a:pt x="3694151" y="6040435"/>
                </a:lnTo>
                <a:close/>
                <a:moveTo>
                  <a:pt x="3480203" y="6040435"/>
                </a:moveTo>
                <a:lnTo>
                  <a:pt x="3480203" y="6111736"/>
                </a:lnTo>
                <a:lnTo>
                  <a:pt x="3551511" y="6111736"/>
                </a:lnTo>
                <a:lnTo>
                  <a:pt x="3551511" y="6040435"/>
                </a:lnTo>
                <a:close/>
                <a:moveTo>
                  <a:pt x="3337579" y="6040435"/>
                </a:moveTo>
                <a:lnTo>
                  <a:pt x="3337579" y="6111736"/>
                </a:lnTo>
                <a:lnTo>
                  <a:pt x="3408880" y="6111736"/>
                </a:lnTo>
                <a:lnTo>
                  <a:pt x="3408880" y="6040435"/>
                </a:lnTo>
                <a:close/>
                <a:moveTo>
                  <a:pt x="3194906" y="6040435"/>
                </a:moveTo>
                <a:lnTo>
                  <a:pt x="3194906" y="6111736"/>
                </a:lnTo>
                <a:lnTo>
                  <a:pt x="3266208" y="6111736"/>
                </a:lnTo>
                <a:lnTo>
                  <a:pt x="3266208" y="6040435"/>
                </a:lnTo>
                <a:close/>
                <a:moveTo>
                  <a:pt x="3052305" y="6040435"/>
                </a:moveTo>
                <a:lnTo>
                  <a:pt x="3052305" y="6111736"/>
                </a:lnTo>
                <a:lnTo>
                  <a:pt x="3123607" y="6111736"/>
                </a:lnTo>
                <a:lnTo>
                  <a:pt x="3123607" y="6040435"/>
                </a:lnTo>
                <a:close/>
                <a:moveTo>
                  <a:pt x="2909634" y="6040435"/>
                </a:moveTo>
                <a:lnTo>
                  <a:pt x="2909634" y="6111736"/>
                </a:lnTo>
                <a:lnTo>
                  <a:pt x="2980934" y="6111736"/>
                </a:lnTo>
                <a:lnTo>
                  <a:pt x="2980934" y="6040435"/>
                </a:lnTo>
                <a:close/>
                <a:moveTo>
                  <a:pt x="2767033" y="6040435"/>
                </a:moveTo>
                <a:lnTo>
                  <a:pt x="2767033" y="6111736"/>
                </a:lnTo>
                <a:lnTo>
                  <a:pt x="2838334" y="6111736"/>
                </a:lnTo>
                <a:lnTo>
                  <a:pt x="2838334" y="6040435"/>
                </a:lnTo>
                <a:close/>
                <a:moveTo>
                  <a:pt x="2624361" y="6040435"/>
                </a:moveTo>
                <a:lnTo>
                  <a:pt x="2624361" y="6111736"/>
                </a:lnTo>
                <a:lnTo>
                  <a:pt x="2695662" y="6111736"/>
                </a:lnTo>
                <a:lnTo>
                  <a:pt x="2695662" y="6040435"/>
                </a:lnTo>
                <a:close/>
                <a:moveTo>
                  <a:pt x="2481690" y="6040435"/>
                </a:moveTo>
                <a:lnTo>
                  <a:pt x="2481690" y="6111736"/>
                </a:lnTo>
                <a:lnTo>
                  <a:pt x="2552991" y="6111736"/>
                </a:lnTo>
                <a:lnTo>
                  <a:pt x="2552991" y="6040435"/>
                </a:lnTo>
                <a:close/>
                <a:moveTo>
                  <a:pt x="2339091" y="6040435"/>
                </a:moveTo>
                <a:lnTo>
                  <a:pt x="2339091" y="6111736"/>
                </a:lnTo>
                <a:lnTo>
                  <a:pt x="2410392" y="6111736"/>
                </a:lnTo>
                <a:lnTo>
                  <a:pt x="2410392" y="6040435"/>
                </a:lnTo>
                <a:close/>
                <a:moveTo>
                  <a:pt x="2196420" y="6040435"/>
                </a:moveTo>
                <a:lnTo>
                  <a:pt x="2196420" y="6111736"/>
                </a:lnTo>
                <a:lnTo>
                  <a:pt x="2267721" y="6111736"/>
                </a:lnTo>
                <a:lnTo>
                  <a:pt x="2267721" y="6040435"/>
                </a:lnTo>
                <a:close/>
                <a:moveTo>
                  <a:pt x="2053813" y="6040435"/>
                </a:moveTo>
                <a:lnTo>
                  <a:pt x="2053813" y="6111736"/>
                </a:lnTo>
                <a:lnTo>
                  <a:pt x="2125117" y="6111736"/>
                </a:lnTo>
                <a:lnTo>
                  <a:pt x="2125117" y="6040435"/>
                </a:lnTo>
                <a:close/>
                <a:moveTo>
                  <a:pt x="1911141" y="6040435"/>
                </a:moveTo>
                <a:lnTo>
                  <a:pt x="1911141" y="6111736"/>
                </a:lnTo>
                <a:lnTo>
                  <a:pt x="1982442" y="6111736"/>
                </a:lnTo>
                <a:lnTo>
                  <a:pt x="1982442" y="6040435"/>
                </a:lnTo>
                <a:close/>
                <a:moveTo>
                  <a:pt x="1768471" y="6040435"/>
                </a:moveTo>
                <a:lnTo>
                  <a:pt x="1768471" y="6111736"/>
                </a:lnTo>
                <a:lnTo>
                  <a:pt x="1839771" y="6111736"/>
                </a:lnTo>
                <a:lnTo>
                  <a:pt x="1839771" y="6040435"/>
                </a:lnTo>
                <a:close/>
                <a:moveTo>
                  <a:pt x="1625870" y="6040435"/>
                </a:moveTo>
                <a:lnTo>
                  <a:pt x="1625870" y="6111736"/>
                </a:lnTo>
                <a:lnTo>
                  <a:pt x="1697171" y="6111736"/>
                </a:lnTo>
                <a:lnTo>
                  <a:pt x="1697171" y="6040435"/>
                </a:lnTo>
                <a:close/>
                <a:moveTo>
                  <a:pt x="1483200" y="6040435"/>
                </a:moveTo>
                <a:lnTo>
                  <a:pt x="1483200" y="6111736"/>
                </a:lnTo>
                <a:lnTo>
                  <a:pt x="1554500" y="6111736"/>
                </a:lnTo>
                <a:lnTo>
                  <a:pt x="1554500" y="6040435"/>
                </a:lnTo>
                <a:close/>
                <a:moveTo>
                  <a:pt x="1340599" y="6040435"/>
                </a:moveTo>
                <a:lnTo>
                  <a:pt x="1340599" y="6111736"/>
                </a:lnTo>
                <a:lnTo>
                  <a:pt x="1411901" y="6111736"/>
                </a:lnTo>
                <a:lnTo>
                  <a:pt x="1411901" y="6040435"/>
                </a:lnTo>
                <a:close/>
                <a:moveTo>
                  <a:pt x="1197930" y="6040435"/>
                </a:moveTo>
                <a:lnTo>
                  <a:pt x="1197930" y="6111736"/>
                </a:lnTo>
                <a:lnTo>
                  <a:pt x="1269231" y="6111736"/>
                </a:lnTo>
                <a:lnTo>
                  <a:pt x="1269231" y="6040435"/>
                </a:lnTo>
                <a:close/>
                <a:moveTo>
                  <a:pt x="1055312" y="6040435"/>
                </a:moveTo>
                <a:lnTo>
                  <a:pt x="1055312" y="6111736"/>
                </a:lnTo>
                <a:lnTo>
                  <a:pt x="1126613" y="6111736"/>
                </a:lnTo>
                <a:lnTo>
                  <a:pt x="1126613" y="6040435"/>
                </a:lnTo>
                <a:close/>
                <a:moveTo>
                  <a:pt x="912657" y="6040435"/>
                </a:moveTo>
                <a:lnTo>
                  <a:pt x="912657" y="6111736"/>
                </a:lnTo>
                <a:lnTo>
                  <a:pt x="983958" y="6111736"/>
                </a:lnTo>
                <a:lnTo>
                  <a:pt x="983958" y="6040435"/>
                </a:lnTo>
                <a:close/>
                <a:moveTo>
                  <a:pt x="771136" y="6040435"/>
                </a:moveTo>
                <a:lnTo>
                  <a:pt x="771136" y="6111736"/>
                </a:lnTo>
                <a:lnTo>
                  <a:pt x="842437" y="6111736"/>
                </a:lnTo>
                <a:lnTo>
                  <a:pt x="842437" y="6040435"/>
                </a:lnTo>
                <a:close/>
                <a:moveTo>
                  <a:pt x="628535" y="6040435"/>
                </a:moveTo>
                <a:lnTo>
                  <a:pt x="628535" y="6111736"/>
                </a:lnTo>
                <a:lnTo>
                  <a:pt x="699836" y="6111736"/>
                </a:lnTo>
                <a:lnTo>
                  <a:pt x="699836" y="6040435"/>
                </a:lnTo>
                <a:close/>
                <a:moveTo>
                  <a:pt x="485863" y="6040435"/>
                </a:moveTo>
                <a:lnTo>
                  <a:pt x="485863" y="6111736"/>
                </a:lnTo>
                <a:lnTo>
                  <a:pt x="557163" y="6111736"/>
                </a:lnTo>
                <a:lnTo>
                  <a:pt x="557163" y="6040435"/>
                </a:lnTo>
                <a:close/>
                <a:moveTo>
                  <a:pt x="343191" y="6040435"/>
                </a:moveTo>
                <a:lnTo>
                  <a:pt x="343191" y="6111736"/>
                </a:lnTo>
                <a:lnTo>
                  <a:pt x="414492" y="6111736"/>
                </a:lnTo>
                <a:lnTo>
                  <a:pt x="414492" y="6040435"/>
                </a:lnTo>
                <a:close/>
                <a:moveTo>
                  <a:pt x="200591" y="6040435"/>
                </a:moveTo>
                <a:lnTo>
                  <a:pt x="200591" y="6111736"/>
                </a:lnTo>
                <a:lnTo>
                  <a:pt x="271892" y="6111736"/>
                </a:lnTo>
                <a:lnTo>
                  <a:pt x="271892" y="6040435"/>
                </a:lnTo>
                <a:close/>
                <a:moveTo>
                  <a:pt x="57918" y="6040435"/>
                </a:moveTo>
                <a:lnTo>
                  <a:pt x="57918" y="6111736"/>
                </a:lnTo>
                <a:lnTo>
                  <a:pt x="129219" y="6111736"/>
                </a:lnTo>
                <a:lnTo>
                  <a:pt x="129219" y="6040435"/>
                </a:lnTo>
                <a:close/>
                <a:moveTo>
                  <a:pt x="0" y="0"/>
                </a:moveTo>
                <a:lnTo>
                  <a:pt x="10354976" y="0"/>
                </a:lnTo>
                <a:lnTo>
                  <a:pt x="10354976" y="6857967"/>
                </a:lnTo>
                <a:lnTo>
                  <a:pt x="0" y="685796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6" name="Tijdelijke aanduiding voor afbeelding 5">
            <a:extLst>
              <a:ext uri="{FF2B5EF4-FFF2-40B4-BE49-F238E27FC236}">
                <a16:creationId xmlns:a16="http://schemas.microsoft.com/office/drawing/2014/main" id="{0BC99076-64A5-882B-586A-F6794E9866CF}"/>
              </a:ext>
            </a:extLst>
          </p:cNvPr>
          <p:cNvSpPr>
            <a:spLocks noGrp="1"/>
          </p:cNvSpPr>
          <p:nvPr>
            <p:ph type="pic" sz="quarter" idx="16"/>
          </p:nvPr>
        </p:nvSpPr>
        <p:spPr bwMode="auto">
          <a:xfrm>
            <a:off x="2711235" y="33"/>
            <a:ext cx="9497977" cy="6857968"/>
          </a:xfrm>
          <a:custGeom>
            <a:avLst/>
            <a:gdLst>
              <a:gd name="connsiteX0" fmla="*/ 6330995 w 9497977"/>
              <a:gd name="connsiteY0" fmla="*/ 6474347 h 6857968"/>
              <a:gd name="connsiteX1" fmla="*/ 6330995 w 9497977"/>
              <a:gd name="connsiteY1" fmla="*/ 6545648 h 6857968"/>
              <a:gd name="connsiteX2" fmla="*/ 6402296 w 9497977"/>
              <a:gd name="connsiteY2" fmla="*/ 6545648 h 6857968"/>
              <a:gd name="connsiteX3" fmla="*/ 6402296 w 9497977"/>
              <a:gd name="connsiteY3" fmla="*/ 6474347 h 6857968"/>
              <a:gd name="connsiteX4" fmla="*/ 6188393 w 9497977"/>
              <a:gd name="connsiteY4" fmla="*/ 6474347 h 6857968"/>
              <a:gd name="connsiteX5" fmla="*/ 6188393 w 9497977"/>
              <a:gd name="connsiteY5" fmla="*/ 6545648 h 6857968"/>
              <a:gd name="connsiteX6" fmla="*/ 6259694 w 9497977"/>
              <a:gd name="connsiteY6" fmla="*/ 6545648 h 6857968"/>
              <a:gd name="connsiteX7" fmla="*/ 6259694 w 9497977"/>
              <a:gd name="connsiteY7" fmla="*/ 6474347 h 6857968"/>
              <a:gd name="connsiteX8" fmla="*/ 6045721 w 9497977"/>
              <a:gd name="connsiteY8" fmla="*/ 6474347 h 6857968"/>
              <a:gd name="connsiteX9" fmla="*/ 6045721 w 9497977"/>
              <a:gd name="connsiteY9" fmla="*/ 6545648 h 6857968"/>
              <a:gd name="connsiteX10" fmla="*/ 6117021 w 9497977"/>
              <a:gd name="connsiteY10" fmla="*/ 6545648 h 6857968"/>
              <a:gd name="connsiteX11" fmla="*/ 6117021 w 9497977"/>
              <a:gd name="connsiteY11" fmla="*/ 6474347 h 6857968"/>
              <a:gd name="connsiteX12" fmla="*/ 5903048 w 9497977"/>
              <a:gd name="connsiteY12" fmla="*/ 6474347 h 6857968"/>
              <a:gd name="connsiteX13" fmla="*/ 5903048 w 9497977"/>
              <a:gd name="connsiteY13" fmla="*/ 6545648 h 6857968"/>
              <a:gd name="connsiteX14" fmla="*/ 5974349 w 9497977"/>
              <a:gd name="connsiteY14" fmla="*/ 6545648 h 6857968"/>
              <a:gd name="connsiteX15" fmla="*/ 5974349 w 9497977"/>
              <a:gd name="connsiteY15" fmla="*/ 6474347 h 6857968"/>
              <a:gd name="connsiteX16" fmla="*/ 5760447 w 9497977"/>
              <a:gd name="connsiteY16" fmla="*/ 6474347 h 6857968"/>
              <a:gd name="connsiteX17" fmla="*/ 5760447 w 9497977"/>
              <a:gd name="connsiteY17" fmla="*/ 6545648 h 6857968"/>
              <a:gd name="connsiteX18" fmla="*/ 5831748 w 9497977"/>
              <a:gd name="connsiteY18" fmla="*/ 6545648 h 6857968"/>
              <a:gd name="connsiteX19" fmla="*/ 5831748 w 9497977"/>
              <a:gd name="connsiteY19" fmla="*/ 6474347 h 6857968"/>
              <a:gd name="connsiteX20" fmla="*/ 5617774 w 9497977"/>
              <a:gd name="connsiteY20" fmla="*/ 6474347 h 6857968"/>
              <a:gd name="connsiteX21" fmla="*/ 5617774 w 9497977"/>
              <a:gd name="connsiteY21" fmla="*/ 6545648 h 6857968"/>
              <a:gd name="connsiteX22" fmla="*/ 5689075 w 9497977"/>
              <a:gd name="connsiteY22" fmla="*/ 6545648 h 6857968"/>
              <a:gd name="connsiteX23" fmla="*/ 5689075 w 9497977"/>
              <a:gd name="connsiteY23" fmla="*/ 6474347 h 6857968"/>
              <a:gd name="connsiteX24" fmla="*/ 5475173 w 9497977"/>
              <a:gd name="connsiteY24" fmla="*/ 6474347 h 6857968"/>
              <a:gd name="connsiteX25" fmla="*/ 5475173 w 9497977"/>
              <a:gd name="connsiteY25" fmla="*/ 6545648 h 6857968"/>
              <a:gd name="connsiteX26" fmla="*/ 5546474 w 9497977"/>
              <a:gd name="connsiteY26" fmla="*/ 6545648 h 6857968"/>
              <a:gd name="connsiteX27" fmla="*/ 5546474 w 9497977"/>
              <a:gd name="connsiteY27" fmla="*/ 6474347 h 6857968"/>
              <a:gd name="connsiteX28" fmla="*/ 5332500 w 9497977"/>
              <a:gd name="connsiteY28" fmla="*/ 6474347 h 6857968"/>
              <a:gd name="connsiteX29" fmla="*/ 5332500 w 9497977"/>
              <a:gd name="connsiteY29" fmla="*/ 6545648 h 6857968"/>
              <a:gd name="connsiteX30" fmla="*/ 5403801 w 9497977"/>
              <a:gd name="connsiteY30" fmla="*/ 6545648 h 6857968"/>
              <a:gd name="connsiteX31" fmla="*/ 5403801 w 9497977"/>
              <a:gd name="connsiteY31" fmla="*/ 6474347 h 6857968"/>
              <a:gd name="connsiteX32" fmla="*/ 5189828 w 9497977"/>
              <a:gd name="connsiteY32" fmla="*/ 6474347 h 6857968"/>
              <a:gd name="connsiteX33" fmla="*/ 5189828 w 9497977"/>
              <a:gd name="connsiteY33" fmla="*/ 6545648 h 6857968"/>
              <a:gd name="connsiteX34" fmla="*/ 5261129 w 9497977"/>
              <a:gd name="connsiteY34" fmla="*/ 6545648 h 6857968"/>
              <a:gd name="connsiteX35" fmla="*/ 5261129 w 9497977"/>
              <a:gd name="connsiteY35" fmla="*/ 6474347 h 6857968"/>
              <a:gd name="connsiteX36" fmla="*/ 5047226 w 9497977"/>
              <a:gd name="connsiteY36" fmla="*/ 6474347 h 6857968"/>
              <a:gd name="connsiteX37" fmla="*/ 5047226 w 9497977"/>
              <a:gd name="connsiteY37" fmla="*/ 6545648 h 6857968"/>
              <a:gd name="connsiteX38" fmla="*/ 5118527 w 9497977"/>
              <a:gd name="connsiteY38" fmla="*/ 6545648 h 6857968"/>
              <a:gd name="connsiteX39" fmla="*/ 5118527 w 9497977"/>
              <a:gd name="connsiteY39" fmla="*/ 6474347 h 6857968"/>
              <a:gd name="connsiteX40" fmla="*/ 4904553 w 9497977"/>
              <a:gd name="connsiteY40" fmla="*/ 6474347 h 6857968"/>
              <a:gd name="connsiteX41" fmla="*/ 4904553 w 9497977"/>
              <a:gd name="connsiteY41" fmla="*/ 6545648 h 6857968"/>
              <a:gd name="connsiteX42" fmla="*/ 4975854 w 9497977"/>
              <a:gd name="connsiteY42" fmla="*/ 6545648 h 6857968"/>
              <a:gd name="connsiteX43" fmla="*/ 4975854 w 9497977"/>
              <a:gd name="connsiteY43" fmla="*/ 6474347 h 6857968"/>
              <a:gd name="connsiteX44" fmla="*/ 4761952 w 9497977"/>
              <a:gd name="connsiteY44" fmla="*/ 6474347 h 6857968"/>
              <a:gd name="connsiteX45" fmla="*/ 4761952 w 9497977"/>
              <a:gd name="connsiteY45" fmla="*/ 6545648 h 6857968"/>
              <a:gd name="connsiteX46" fmla="*/ 4833253 w 9497977"/>
              <a:gd name="connsiteY46" fmla="*/ 6545648 h 6857968"/>
              <a:gd name="connsiteX47" fmla="*/ 4833253 w 9497977"/>
              <a:gd name="connsiteY47" fmla="*/ 6474347 h 6857968"/>
              <a:gd name="connsiteX48" fmla="*/ 4619279 w 9497977"/>
              <a:gd name="connsiteY48" fmla="*/ 6474347 h 6857968"/>
              <a:gd name="connsiteX49" fmla="*/ 4619279 w 9497977"/>
              <a:gd name="connsiteY49" fmla="*/ 6545648 h 6857968"/>
              <a:gd name="connsiteX50" fmla="*/ 4690580 w 9497977"/>
              <a:gd name="connsiteY50" fmla="*/ 6545648 h 6857968"/>
              <a:gd name="connsiteX51" fmla="*/ 4690580 w 9497977"/>
              <a:gd name="connsiteY51" fmla="*/ 6474347 h 6857968"/>
              <a:gd name="connsiteX52" fmla="*/ 4476678 w 9497977"/>
              <a:gd name="connsiteY52" fmla="*/ 6474347 h 6857968"/>
              <a:gd name="connsiteX53" fmla="*/ 4476678 w 9497977"/>
              <a:gd name="connsiteY53" fmla="*/ 6545648 h 6857968"/>
              <a:gd name="connsiteX54" fmla="*/ 4547979 w 9497977"/>
              <a:gd name="connsiteY54" fmla="*/ 6545648 h 6857968"/>
              <a:gd name="connsiteX55" fmla="*/ 4547979 w 9497977"/>
              <a:gd name="connsiteY55" fmla="*/ 6474347 h 6857968"/>
              <a:gd name="connsiteX56" fmla="*/ 4334005 w 9497977"/>
              <a:gd name="connsiteY56" fmla="*/ 6474347 h 6857968"/>
              <a:gd name="connsiteX57" fmla="*/ 4334005 w 9497977"/>
              <a:gd name="connsiteY57" fmla="*/ 6545648 h 6857968"/>
              <a:gd name="connsiteX58" fmla="*/ 4405306 w 9497977"/>
              <a:gd name="connsiteY58" fmla="*/ 6545648 h 6857968"/>
              <a:gd name="connsiteX59" fmla="*/ 4405306 w 9497977"/>
              <a:gd name="connsiteY59" fmla="*/ 6474347 h 6857968"/>
              <a:gd name="connsiteX60" fmla="*/ 4191404 w 9497977"/>
              <a:gd name="connsiteY60" fmla="*/ 6474347 h 6857968"/>
              <a:gd name="connsiteX61" fmla="*/ 4191404 w 9497977"/>
              <a:gd name="connsiteY61" fmla="*/ 6545648 h 6857968"/>
              <a:gd name="connsiteX62" fmla="*/ 4262705 w 9497977"/>
              <a:gd name="connsiteY62" fmla="*/ 6545648 h 6857968"/>
              <a:gd name="connsiteX63" fmla="*/ 4262705 w 9497977"/>
              <a:gd name="connsiteY63" fmla="*/ 6474347 h 6857968"/>
              <a:gd name="connsiteX64" fmla="*/ 4048731 w 9497977"/>
              <a:gd name="connsiteY64" fmla="*/ 6474347 h 6857968"/>
              <a:gd name="connsiteX65" fmla="*/ 4048731 w 9497977"/>
              <a:gd name="connsiteY65" fmla="*/ 6545648 h 6857968"/>
              <a:gd name="connsiteX66" fmla="*/ 4120032 w 9497977"/>
              <a:gd name="connsiteY66" fmla="*/ 6545648 h 6857968"/>
              <a:gd name="connsiteX67" fmla="*/ 4120032 w 9497977"/>
              <a:gd name="connsiteY67" fmla="*/ 6474347 h 6857968"/>
              <a:gd name="connsiteX68" fmla="*/ 3906059 w 9497977"/>
              <a:gd name="connsiteY68" fmla="*/ 6474347 h 6857968"/>
              <a:gd name="connsiteX69" fmla="*/ 3906059 w 9497977"/>
              <a:gd name="connsiteY69" fmla="*/ 6545648 h 6857968"/>
              <a:gd name="connsiteX70" fmla="*/ 3977360 w 9497977"/>
              <a:gd name="connsiteY70" fmla="*/ 6545648 h 6857968"/>
              <a:gd name="connsiteX71" fmla="*/ 3977360 w 9497977"/>
              <a:gd name="connsiteY71" fmla="*/ 6474347 h 6857968"/>
              <a:gd name="connsiteX72" fmla="*/ 3763457 w 9497977"/>
              <a:gd name="connsiteY72" fmla="*/ 6474347 h 6857968"/>
              <a:gd name="connsiteX73" fmla="*/ 3763457 w 9497977"/>
              <a:gd name="connsiteY73" fmla="*/ 6545648 h 6857968"/>
              <a:gd name="connsiteX74" fmla="*/ 3834758 w 9497977"/>
              <a:gd name="connsiteY74" fmla="*/ 6545648 h 6857968"/>
              <a:gd name="connsiteX75" fmla="*/ 3834758 w 9497977"/>
              <a:gd name="connsiteY75" fmla="*/ 6474347 h 6857968"/>
              <a:gd name="connsiteX76" fmla="*/ 3620784 w 9497977"/>
              <a:gd name="connsiteY76" fmla="*/ 6474347 h 6857968"/>
              <a:gd name="connsiteX77" fmla="*/ 3620784 w 9497977"/>
              <a:gd name="connsiteY77" fmla="*/ 6545648 h 6857968"/>
              <a:gd name="connsiteX78" fmla="*/ 3692085 w 9497977"/>
              <a:gd name="connsiteY78" fmla="*/ 6545648 h 6857968"/>
              <a:gd name="connsiteX79" fmla="*/ 3692085 w 9497977"/>
              <a:gd name="connsiteY79" fmla="*/ 6474347 h 6857968"/>
              <a:gd name="connsiteX80" fmla="*/ 3478184 w 9497977"/>
              <a:gd name="connsiteY80" fmla="*/ 6474347 h 6857968"/>
              <a:gd name="connsiteX81" fmla="*/ 3478184 w 9497977"/>
              <a:gd name="connsiteY81" fmla="*/ 6545648 h 6857968"/>
              <a:gd name="connsiteX82" fmla="*/ 3549484 w 9497977"/>
              <a:gd name="connsiteY82" fmla="*/ 6545648 h 6857968"/>
              <a:gd name="connsiteX83" fmla="*/ 3549484 w 9497977"/>
              <a:gd name="connsiteY83" fmla="*/ 6474347 h 6857968"/>
              <a:gd name="connsiteX84" fmla="*/ 3335511 w 9497977"/>
              <a:gd name="connsiteY84" fmla="*/ 6474347 h 6857968"/>
              <a:gd name="connsiteX85" fmla="*/ 3335511 w 9497977"/>
              <a:gd name="connsiteY85" fmla="*/ 6545648 h 6857968"/>
              <a:gd name="connsiteX86" fmla="*/ 3406811 w 9497977"/>
              <a:gd name="connsiteY86" fmla="*/ 6545648 h 6857968"/>
              <a:gd name="connsiteX87" fmla="*/ 3406811 w 9497977"/>
              <a:gd name="connsiteY87" fmla="*/ 6474347 h 6857968"/>
              <a:gd name="connsiteX88" fmla="*/ 3192839 w 9497977"/>
              <a:gd name="connsiteY88" fmla="*/ 6474347 h 6857968"/>
              <a:gd name="connsiteX89" fmla="*/ 3192839 w 9497977"/>
              <a:gd name="connsiteY89" fmla="*/ 6545648 h 6857968"/>
              <a:gd name="connsiteX90" fmla="*/ 3264139 w 9497977"/>
              <a:gd name="connsiteY90" fmla="*/ 6545648 h 6857968"/>
              <a:gd name="connsiteX91" fmla="*/ 3264139 w 9497977"/>
              <a:gd name="connsiteY91" fmla="*/ 6474347 h 6857968"/>
              <a:gd name="connsiteX92" fmla="*/ 3050237 w 9497977"/>
              <a:gd name="connsiteY92" fmla="*/ 6474347 h 6857968"/>
              <a:gd name="connsiteX93" fmla="*/ 3050237 w 9497977"/>
              <a:gd name="connsiteY93" fmla="*/ 6545648 h 6857968"/>
              <a:gd name="connsiteX94" fmla="*/ 3121537 w 9497977"/>
              <a:gd name="connsiteY94" fmla="*/ 6545648 h 6857968"/>
              <a:gd name="connsiteX95" fmla="*/ 3121537 w 9497977"/>
              <a:gd name="connsiteY95" fmla="*/ 6474347 h 6857968"/>
              <a:gd name="connsiteX96" fmla="*/ 2907564 w 9497977"/>
              <a:gd name="connsiteY96" fmla="*/ 6474347 h 6857968"/>
              <a:gd name="connsiteX97" fmla="*/ 2907564 w 9497977"/>
              <a:gd name="connsiteY97" fmla="*/ 6545648 h 6857968"/>
              <a:gd name="connsiteX98" fmla="*/ 2978865 w 9497977"/>
              <a:gd name="connsiteY98" fmla="*/ 6545648 h 6857968"/>
              <a:gd name="connsiteX99" fmla="*/ 2978865 w 9497977"/>
              <a:gd name="connsiteY99" fmla="*/ 6474347 h 6857968"/>
              <a:gd name="connsiteX100" fmla="*/ 2764962 w 9497977"/>
              <a:gd name="connsiteY100" fmla="*/ 6474347 h 6857968"/>
              <a:gd name="connsiteX101" fmla="*/ 2764962 w 9497977"/>
              <a:gd name="connsiteY101" fmla="*/ 6545648 h 6857968"/>
              <a:gd name="connsiteX102" fmla="*/ 2836263 w 9497977"/>
              <a:gd name="connsiteY102" fmla="*/ 6545648 h 6857968"/>
              <a:gd name="connsiteX103" fmla="*/ 2836263 w 9497977"/>
              <a:gd name="connsiteY103" fmla="*/ 6474347 h 6857968"/>
              <a:gd name="connsiteX104" fmla="*/ 2622291 w 9497977"/>
              <a:gd name="connsiteY104" fmla="*/ 6474347 h 6857968"/>
              <a:gd name="connsiteX105" fmla="*/ 2622291 w 9497977"/>
              <a:gd name="connsiteY105" fmla="*/ 6545648 h 6857968"/>
              <a:gd name="connsiteX106" fmla="*/ 2693591 w 9497977"/>
              <a:gd name="connsiteY106" fmla="*/ 6545648 h 6857968"/>
              <a:gd name="connsiteX107" fmla="*/ 2693591 w 9497977"/>
              <a:gd name="connsiteY107" fmla="*/ 6474347 h 6857968"/>
              <a:gd name="connsiteX108" fmla="*/ 2479688 w 9497977"/>
              <a:gd name="connsiteY108" fmla="*/ 6474347 h 6857968"/>
              <a:gd name="connsiteX109" fmla="*/ 2479688 w 9497977"/>
              <a:gd name="connsiteY109" fmla="*/ 6545648 h 6857968"/>
              <a:gd name="connsiteX110" fmla="*/ 2550990 w 9497977"/>
              <a:gd name="connsiteY110" fmla="*/ 6545648 h 6857968"/>
              <a:gd name="connsiteX111" fmla="*/ 2550990 w 9497977"/>
              <a:gd name="connsiteY111" fmla="*/ 6474347 h 6857968"/>
              <a:gd name="connsiteX112" fmla="*/ 2337016 w 9497977"/>
              <a:gd name="connsiteY112" fmla="*/ 6474347 h 6857968"/>
              <a:gd name="connsiteX113" fmla="*/ 2337016 w 9497977"/>
              <a:gd name="connsiteY113" fmla="*/ 6545648 h 6857968"/>
              <a:gd name="connsiteX114" fmla="*/ 2408317 w 9497977"/>
              <a:gd name="connsiteY114" fmla="*/ 6545648 h 6857968"/>
              <a:gd name="connsiteX115" fmla="*/ 2408317 w 9497977"/>
              <a:gd name="connsiteY115" fmla="*/ 6474347 h 6857968"/>
              <a:gd name="connsiteX116" fmla="*/ 2195429 w 9497977"/>
              <a:gd name="connsiteY116" fmla="*/ 6474347 h 6857968"/>
              <a:gd name="connsiteX117" fmla="*/ 2195429 w 9497977"/>
              <a:gd name="connsiteY117" fmla="*/ 6545648 h 6857968"/>
              <a:gd name="connsiteX118" fmla="*/ 2266731 w 9497977"/>
              <a:gd name="connsiteY118" fmla="*/ 6545648 h 6857968"/>
              <a:gd name="connsiteX119" fmla="*/ 2266731 w 9497977"/>
              <a:gd name="connsiteY119" fmla="*/ 6474347 h 6857968"/>
              <a:gd name="connsiteX120" fmla="*/ 2052828 w 9497977"/>
              <a:gd name="connsiteY120" fmla="*/ 6474347 h 6857968"/>
              <a:gd name="connsiteX121" fmla="*/ 2052828 w 9497977"/>
              <a:gd name="connsiteY121" fmla="*/ 6545648 h 6857968"/>
              <a:gd name="connsiteX122" fmla="*/ 2124128 w 9497977"/>
              <a:gd name="connsiteY122" fmla="*/ 6545648 h 6857968"/>
              <a:gd name="connsiteX123" fmla="*/ 2124128 w 9497977"/>
              <a:gd name="connsiteY123" fmla="*/ 6474347 h 6857968"/>
              <a:gd name="connsiteX124" fmla="*/ 1910155 w 9497977"/>
              <a:gd name="connsiteY124" fmla="*/ 6474347 h 6857968"/>
              <a:gd name="connsiteX125" fmla="*/ 1910155 w 9497977"/>
              <a:gd name="connsiteY125" fmla="*/ 6545648 h 6857968"/>
              <a:gd name="connsiteX126" fmla="*/ 1981455 w 9497977"/>
              <a:gd name="connsiteY126" fmla="*/ 6545648 h 6857968"/>
              <a:gd name="connsiteX127" fmla="*/ 1981455 w 9497977"/>
              <a:gd name="connsiteY127" fmla="*/ 6474347 h 6857968"/>
              <a:gd name="connsiteX128" fmla="*/ 1767483 w 9497977"/>
              <a:gd name="connsiteY128" fmla="*/ 6474347 h 6857968"/>
              <a:gd name="connsiteX129" fmla="*/ 1767483 w 9497977"/>
              <a:gd name="connsiteY129" fmla="*/ 6545648 h 6857968"/>
              <a:gd name="connsiteX130" fmla="*/ 1838783 w 9497977"/>
              <a:gd name="connsiteY130" fmla="*/ 6545648 h 6857968"/>
              <a:gd name="connsiteX131" fmla="*/ 1838783 w 9497977"/>
              <a:gd name="connsiteY131" fmla="*/ 6474347 h 6857968"/>
              <a:gd name="connsiteX132" fmla="*/ 1624882 w 9497977"/>
              <a:gd name="connsiteY132" fmla="*/ 6474347 h 6857968"/>
              <a:gd name="connsiteX133" fmla="*/ 1624882 w 9497977"/>
              <a:gd name="connsiteY133" fmla="*/ 6545648 h 6857968"/>
              <a:gd name="connsiteX134" fmla="*/ 1696183 w 9497977"/>
              <a:gd name="connsiteY134" fmla="*/ 6545648 h 6857968"/>
              <a:gd name="connsiteX135" fmla="*/ 1696183 w 9497977"/>
              <a:gd name="connsiteY135" fmla="*/ 6474347 h 6857968"/>
              <a:gd name="connsiteX136" fmla="*/ 1482215 w 9497977"/>
              <a:gd name="connsiteY136" fmla="*/ 6474347 h 6857968"/>
              <a:gd name="connsiteX137" fmla="*/ 1482215 w 9497977"/>
              <a:gd name="connsiteY137" fmla="*/ 6545648 h 6857968"/>
              <a:gd name="connsiteX138" fmla="*/ 1553511 w 9497977"/>
              <a:gd name="connsiteY138" fmla="*/ 6545648 h 6857968"/>
              <a:gd name="connsiteX139" fmla="*/ 1553511 w 9497977"/>
              <a:gd name="connsiteY139" fmla="*/ 6474347 h 6857968"/>
              <a:gd name="connsiteX140" fmla="*/ 1339617 w 9497977"/>
              <a:gd name="connsiteY140" fmla="*/ 6474347 h 6857968"/>
              <a:gd name="connsiteX141" fmla="*/ 1339617 w 9497977"/>
              <a:gd name="connsiteY141" fmla="*/ 6545648 h 6857968"/>
              <a:gd name="connsiteX142" fmla="*/ 1410920 w 9497977"/>
              <a:gd name="connsiteY142" fmla="*/ 6545648 h 6857968"/>
              <a:gd name="connsiteX143" fmla="*/ 1410920 w 9497977"/>
              <a:gd name="connsiteY143" fmla="*/ 6474347 h 6857968"/>
              <a:gd name="connsiteX144" fmla="*/ 1196941 w 9497977"/>
              <a:gd name="connsiteY144" fmla="*/ 6474347 h 6857968"/>
              <a:gd name="connsiteX145" fmla="*/ 1196941 w 9497977"/>
              <a:gd name="connsiteY145" fmla="*/ 6545648 h 6857968"/>
              <a:gd name="connsiteX146" fmla="*/ 1268245 w 9497977"/>
              <a:gd name="connsiteY146" fmla="*/ 6545648 h 6857968"/>
              <a:gd name="connsiteX147" fmla="*/ 1268245 w 9497977"/>
              <a:gd name="connsiteY147" fmla="*/ 6474347 h 6857968"/>
              <a:gd name="connsiteX148" fmla="*/ 1054277 w 9497977"/>
              <a:gd name="connsiteY148" fmla="*/ 6474347 h 6857968"/>
              <a:gd name="connsiteX149" fmla="*/ 1054277 w 9497977"/>
              <a:gd name="connsiteY149" fmla="*/ 6545648 h 6857968"/>
              <a:gd name="connsiteX150" fmla="*/ 1125575 w 9497977"/>
              <a:gd name="connsiteY150" fmla="*/ 6545648 h 6857968"/>
              <a:gd name="connsiteX151" fmla="*/ 1125575 w 9497977"/>
              <a:gd name="connsiteY151" fmla="*/ 6474347 h 6857968"/>
              <a:gd name="connsiteX152" fmla="*/ 911663 w 9497977"/>
              <a:gd name="connsiteY152" fmla="*/ 6474347 h 6857968"/>
              <a:gd name="connsiteX153" fmla="*/ 911663 w 9497977"/>
              <a:gd name="connsiteY153" fmla="*/ 6545648 h 6857968"/>
              <a:gd name="connsiteX154" fmla="*/ 982964 w 9497977"/>
              <a:gd name="connsiteY154" fmla="*/ 6545648 h 6857968"/>
              <a:gd name="connsiteX155" fmla="*/ 982964 w 9497977"/>
              <a:gd name="connsiteY155" fmla="*/ 6474347 h 6857968"/>
              <a:gd name="connsiteX156" fmla="*/ 769001 w 9497977"/>
              <a:gd name="connsiteY156" fmla="*/ 6474347 h 6857968"/>
              <a:gd name="connsiteX157" fmla="*/ 769001 w 9497977"/>
              <a:gd name="connsiteY157" fmla="*/ 6545648 h 6857968"/>
              <a:gd name="connsiteX158" fmla="*/ 840299 w 9497977"/>
              <a:gd name="connsiteY158" fmla="*/ 6545648 h 6857968"/>
              <a:gd name="connsiteX159" fmla="*/ 840299 w 9497977"/>
              <a:gd name="connsiteY159" fmla="*/ 6474347 h 6857968"/>
              <a:gd name="connsiteX160" fmla="*/ 626392 w 9497977"/>
              <a:gd name="connsiteY160" fmla="*/ 6474347 h 6857968"/>
              <a:gd name="connsiteX161" fmla="*/ 626392 w 9497977"/>
              <a:gd name="connsiteY161" fmla="*/ 6545648 h 6857968"/>
              <a:gd name="connsiteX162" fmla="*/ 697691 w 9497977"/>
              <a:gd name="connsiteY162" fmla="*/ 6545648 h 6857968"/>
              <a:gd name="connsiteX163" fmla="*/ 697691 w 9497977"/>
              <a:gd name="connsiteY163" fmla="*/ 6474347 h 6857968"/>
              <a:gd name="connsiteX164" fmla="*/ 483718 w 9497977"/>
              <a:gd name="connsiteY164" fmla="*/ 6474347 h 6857968"/>
              <a:gd name="connsiteX165" fmla="*/ 483718 w 9497977"/>
              <a:gd name="connsiteY165" fmla="*/ 6545648 h 6857968"/>
              <a:gd name="connsiteX166" fmla="*/ 555020 w 9497977"/>
              <a:gd name="connsiteY166" fmla="*/ 6545648 h 6857968"/>
              <a:gd name="connsiteX167" fmla="*/ 555020 w 9497977"/>
              <a:gd name="connsiteY167" fmla="*/ 6474347 h 6857968"/>
              <a:gd name="connsiteX168" fmla="*/ 7329490 w 9497977"/>
              <a:gd name="connsiteY168" fmla="*/ 6325709 h 6857968"/>
              <a:gd name="connsiteX169" fmla="*/ 7329490 w 9497977"/>
              <a:gd name="connsiteY169" fmla="*/ 6397010 h 6857968"/>
              <a:gd name="connsiteX170" fmla="*/ 7400791 w 9497977"/>
              <a:gd name="connsiteY170" fmla="*/ 6397010 h 6857968"/>
              <a:gd name="connsiteX171" fmla="*/ 7400791 w 9497977"/>
              <a:gd name="connsiteY171" fmla="*/ 6325709 h 6857968"/>
              <a:gd name="connsiteX172" fmla="*/ 7186888 w 9497977"/>
              <a:gd name="connsiteY172" fmla="*/ 6325709 h 6857968"/>
              <a:gd name="connsiteX173" fmla="*/ 7186888 w 9497977"/>
              <a:gd name="connsiteY173" fmla="*/ 6397010 h 6857968"/>
              <a:gd name="connsiteX174" fmla="*/ 7258188 w 9497977"/>
              <a:gd name="connsiteY174" fmla="*/ 6397010 h 6857968"/>
              <a:gd name="connsiteX175" fmla="*/ 7258188 w 9497977"/>
              <a:gd name="connsiteY175" fmla="*/ 6325709 h 6857968"/>
              <a:gd name="connsiteX176" fmla="*/ 7044216 w 9497977"/>
              <a:gd name="connsiteY176" fmla="*/ 6325709 h 6857968"/>
              <a:gd name="connsiteX177" fmla="*/ 7044216 w 9497977"/>
              <a:gd name="connsiteY177" fmla="*/ 6397010 h 6857968"/>
              <a:gd name="connsiteX178" fmla="*/ 7115517 w 9497977"/>
              <a:gd name="connsiteY178" fmla="*/ 6397010 h 6857968"/>
              <a:gd name="connsiteX179" fmla="*/ 7115517 w 9497977"/>
              <a:gd name="connsiteY179" fmla="*/ 6325709 h 6857968"/>
              <a:gd name="connsiteX180" fmla="*/ 6901543 w 9497977"/>
              <a:gd name="connsiteY180" fmla="*/ 6325709 h 6857968"/>
              <a:gd name="connsiteX181" fmla="*/ 6901543 w 9497977"/>
              <a:gd name="connsiteY181" fmla="*/ 6397010 h 6857968"/>
              <a:gd name="connsiteX182" fmla="*/ 6972844 w 9497977"/>
              <a:gd name="connsiteY182" fmla="*/ 6397010 h 6857968"/>
              <a:gd name="connsiteX183" fmla="*/ 6972844 w 9497977"/>
              <a:gd name="connsiteY183" fmla="*/ 6325709 h 6857968"/>
              <a:gd name="connsiteX184" fmla="*/ 6758942 w 9497977"/>
              <a:gd name="connsiteY184" fmla="*/ 6325709 h 6857968"/>
              <a:gd name="connsiteX185" fmla="*/ 6758942 w 9497977"/>
              <a:gd name="connsiteY185" fmla="*/ 6397010 h 6857968"/>
              <a:gd name="connsiteX186" fmla="*/ 6830242 w 9497977"/>
              <a:gd name="connsiteY186" fmla="*/ 6397010 h 6857968"/>
              <a:gd name="connsiteX187" fmla="*/ 6830242 w 9497977"/>
              <a:gd name="connsiteY187" fmla="*/ 6325709 h 6857968"/>
              <a:gd name="connsiteX188" fmla="*/ 6616269 w 9497977"/>
              <a:gd name="connsiteY188" fmla="*/ 6325709 h 6857968"/>
              <a:gd name="connsiteX189" fmla="*/ 6616269 w 9497977"/>
              <a:gd name="connsiteY189" fmla="*/ 6397010 h 6857968"/>
              <a:gd name="connsiteX190" fmla="*/ 6687570 w 9497977"/>
              <a:gd name="connsiteY190" fmla="*/ 6397010 h 6857968"/>
              <a:gd name="connsiteX191" fmla="*/ 6687570 w 9497977"/>
              <a:gd name="connsiteY191" fmla="*/ 6325709 h 6857968"/>
              <a:gd name="connsiteX192" fmla="*/ 6473667 w 9497977"/>
              <a:gd name="connsiteY192" fmla="*/ 6325709 h 6857968"/>
              <a:gd name="connsiteX193" fmla="*/ 6473667 w 9497977"/>
              <a:gd name="connsiteY193" fmla="*/ 6397010 h 6857968"/>
              <a:gd name="connsiteX194" fmla="*/ 6544968 w 9497977"/>
              <a:gd name="connsiteY194" fmla="*/ 6397010 h 6857968"/>
              <a:gd name="connsiteX195" fmla="*/ 6544968 w 9497977"/>
              <a:gd name="connsiteY195" fmla="*/ 6325709 h 6857968"/>
              <a:gd name="connsiteX196" fmla="*/ 6330995 w 9497977"/>
              <a:gd name="connsiteY196" fmla="*/ 6325709 h 6857968"/>
              <a:gd name="connsiteX197" fmla="*/ 6330995 w 9497977"/>
              <a:gd name="connsiteY197" fmla="*/ 6397010 h 6857968"/>
              <a:gd name="connsiteX198" fmla="*/ 6402296 w 9497977"/>
              <a:gd name="connsiteY198" fmla="*/ 6397010 h 6857968"/>
              <a:gd name="connsiteX199" fmla="*/ 6402296 w 9497977"/>
              <a:gd name="connsiteY199" fmla="*/ 6325709 h 6857968"/>
              <a:gd name="connsiteX200" fmla="*/ 6188393 w 9497977"/>
              <a:gd name="connsiteY200" fmla="*/ 6325709 h 6857968"/>
              <a:gd name="connsiteX201" fmla="*/ 6188393 w 9497977"/>
              <a:gd name="connsiteY201" fmla="*/ 6397010 h 6857968"/>
              <a:gd name="connsiteX202" fmla="*/ 6259694 w 9497977"/>
              <a:gd name="connsiteY202" fmla="*/ 6397010 h 6857968"/>
              <a:gd name="connsiteX203" fmla="*/ 6259694 w 9497977"/>
              <a:gd name="connsiteY203" fmla="*/ 6325709 h 6857968"/>
              <a:gd name="connsiteX204" fmla="*/ 6045721 w 9497977"/>
              <a:gd name="connsiteY204" fmla="*/ 6325709 h 6857968"/>
              <a:gd name="connsiteX205" fmla="*/ 6045721 w 9497977"/>
              <a:gd name="connsiteY205" fmla="*/ 6397010 h 6857968"/>
              <a:gd name="connsiteX206" fmla="*/ 6117021 w 9497977"/>
              <a:gd name="connsiteY206" fmla="*/ 6397010 h 6857968"/>
              <a:gd name="connsiteX207" fmla="*/ 6117021 w 9497977"/>
              <a:gd name="connsiteY207" fmla="*/ 6325709 h 6857968"/>
              <a:gd name="connsiteX208" fmla="*/ 5903048 w 9497977"/>
              <a:gd name="connsiteY208" fmla="*/ 6325709 h 6857968"/>
              <a:gd name="connsiteX209" fmla="*/ 5903048 w 9497977"/>
              <a:gd name="connsiteY209" fmla="*/ 6397010 h 6857968"/>
              <a:gd name="connsiteX210" fmla="*/ 5974349 w 9497977"/>
              <a:gd name="connsiteY210" fmla="*/ 6397010 h 6857968"/>
              <a:gd name="connsiteX211" fmla="*/ 5974349 w 9497977"/>
              <a:gd name="connsiteY211" fmla="*/ 6325709 h 6857968"/>
              <a:gd name="connsiteX212" fmla="*/ 5760447 w 9497977"/>
              <a:gd name="connsiteY212" fmla="*/ 6325709 h 6857968"/>
              <a:gd name="connsiteX213" fmla="*/ 5760447 w 9497977"/>
              <a:gd name="connsiteY213" fmla="*/ 6397010 h 6857968"/>
              <a:gd name="connsiteX214" fmla="*/ 5831748 w 9497977"/>
              <a:gd name="connsiteY214" fmla="*/ 6397010 h 6857968"/>
              <a:gd name="connsiteX215" fmla="*/ 5831748 w 9497977"/>
              <a:gd name="connsiteY215" fmla="*/ 6325709 h 6857968"/>
              <a:gd name="connsiteX216" fmla="*/ 5617774 w 9497977"/>
              <a:gd name="connsiteY216" fmla="*/ 6325709 h 6857968"/>
              <a:gd name="connsiteX217" fmla="*/ 5617774 w 9497977"/>
              <a:gd name="connsiteY217" fmla="*/ 6397010 h 6857968"/>
              <a:gd name="connsiteX218" fmla="*/ 5689075 w 9497977"/>
              <a:gd name="connsiteY218" fmla="*/ 6397010 h 6857968"/>
              <a:gd name="connsiteX219" fmla="*/ 5689075 w 9497977"/>
              <a:gd name="connsiteY219" fmla="*/ 6325709 h 6857968"/>
              <a:gd name="connsiteX220" fmla="*/ 5475173 w 9497977"/>
              <a:gd name="connsiteY220" fmla="*/ 6325709 h 6857968"/>
              <a:gd name="connsiteX221" fmla="*/ 5475173 w 9497977"/>
              <a:gd name="connsiteY221" fmla="*/ 6397010 h 6857968"/>
              <a:gd name="connsiteX222" fmla="*/ 5546474 w 9497977"/>
              <a:gd name="connsiteY222" fmla="*/ 6397010 h 6857968"/>
              <a:gd name="connsiteX223" fmla="*/ 5546474 w 9497977"/>
              <a:gd name="connsiteY223" fmla="*/ 6325709 h 6857968"/>
              <a:gd name="connsiteX224" fmla="*/ 5332500 w 9497977"/>
              <a:gd name="connsiteY224" fmla="*/ 6325709 h 6857968"/>
              <a:gd name="connsiteX225" fmla="*/ 5332500 w 9497977"/>
              <a:gd name="connsiteY225" fmla="*/ 6397010 h 6857968"/>
              <a:gd name="connsiteX226" fmla="*/ 5403801 w 9497977"/>
              <a:gd name="connsiteY226" fmla="*/ 6397010 h 6857968"/>
              <a:gd name="connsiteX227" fmla="*/ 5403801 w 9497977"/>
              <a:gd name="connsiteY227" fmla="*/ 6325709 h 6857968"/>
              <a:gd name="connsiteX228" fmla="*/ 5189828 w 9497977"/>
              <a:gd name="connsiteY228" fmla="*/ 6325709 h 6857968"/>
              <a:gd name="connsiteX229" fmla="*/ 5189828 w 9497977"/>
              <a:gd name="connsiteY229" fmla="*/ 6397010 h 6857968"/>
              <a:gd name="connsiteX230" fmla="*/ 5261129 w 9497977"/>
              <a:gd name="connsiteY230" fmla="*/ 6397010 h 6857968"/>
              <a:gd name="connsiteX231" fmla="*/ 5261129 w 9497977"/>
              <a:gd name="connsiteY231" fmla="*/ 6325709 h 6857968"/>
              <a:gd name="connsiteX232" fmla="*/ 5047226 w 9497977"/>
              <a:gd name="connsiteY232" fmla="*/ 6325709 h 6857968"/>
              <a:gd name="connsiteX233" fmla="*/ 5047226 w 9497977"/>
              <a:gd name="connsiteY233" fmla="*/ 6397010 h 6857968"/>
              <a:gd name="connsiteX234" fmla="*/ 5118527 w 9497977"/>
              <a:gd name="connsiteY234" fmla="*/ 6397010 h 6857968"/>
              <a:gd name="connsiteX235" fmla="*/ 5118527 w 9497977"/>
              <a:gd name="connsiteY235" fmla="*/ 6325709 h 6857968"/>
              <a:gd name="connsiteX236" fmla="*/ 4904553 w 9497977"/>
              <a:gd name="connsiteY236" fmla="*/ 6325709 h 6857968"/>
              <a:gd name="connsiteX237" fmla="*/ 4904553 w 9497977"/>
              <a:gd name="connsiteY237" fmla="*/ 6397010 h 6857968"/>
              <a:gd name="connsiteX238" fmla="*/ 4975854 w 9497977"/>
              <a:gd name="connsiteY238" fmla="*/ 6397010 h 6857968"/>
              <a:gd name="connsiteX239" fmla="*/ 4975854 w 9497977"/>
              <a:gd name="connsiteY239" fmla="*/ 6325709 h 6857968"/>
              <a:gd name="connsiteX240" fmla="*/ 4761952 w 9497977"/>
              <a:gd name="connsiteY240" fmla="*/ 6325709 h 6857968"/>
              <a:gd name="connsiteX241" fmla="*/ 4761952 w 9497977"/>
              <a:gd name="connsiteY241" fmla="*/ 6397010 h 6857968"/>
              <a:gd name="connsiteX242" fmla="*/ 4833253 w 9497977"/>
              <a:gd name="connsiteY242" fmla="*/ 6397010 h 6857968"/>
              <a:gd name="connsiteX243" fmla="*/ 4833253 w 9497977"/>
              <a:gd name="connsiteY243" fmla="*/ 6325709 h 6857968"/>
              <a:gd name="connsiteX244" fmla="*/ 4619279 w 9497977"/>
              <a:gd name="connsiteY244" fmla="*/ 6325709 h 6857968"/>
              <a:gd name="connsiteX245" fmla="*/ 4619279 w 9497977"/>
              <a:gd name="connsiteY245" fmla="*/ 6397010 h 6857968"/>
              <a:gd name="connsiteX246" fmla="*/ 4690580 w 9497977"/>
              <a:gd name="connsiteY246" fmla="*/ 6397010 h 6857968"/>
              <a:gd name="connsiteX247" fmla="*/ 4690580 w 9497977"/>
              <a:gd name="connsiteY247" fmla="*/ 6325709 h 6857968"/>
              <a:gd name="connsiteX248" fmla="*/ 4476678 w 9497977"/>
              <a:gd name="connsiteY248" fmla="*/ 6325709 h 6857968"/>
              <a:gd name="connsiteX249" fmla="*/ 4476678 w 9497977"/>
              <a:gd name="connsiteY249" fmla="*/ 6397010 h 6857968"/>
              <a:gd name="connsiteX250" fmla="*/ 4547979 w 9497977"/>
              <a:gd name="connsiteY250" fmla="*/ 6397010 h 6857968"/>
              <a:gd name="connsiteX251" fmla="*/ 4547979 w 9497977"/>
              <a:gd name="connsiteY251" fmla="*/ 6325709 h 6857968"/>
              <a:gd name="connsiteX252" fmla="*/ 4334005 w 9497977"/>
              <a:gd name="connsiteY252" fmla="*/ 6325709 h 6857968"/>
              <a:gd name="connsiteX253" fmla="*/ 4334005 w 9497977"/>
              <a:gd name="connsiteY253" fmla="*/ 6397010 h 6857968"/>
              <a:gd name="connsiteX254" fmla="*/ 4405306 w 9497977"/>
              <a:gd name="connsiteY254" fmla="*/ 6397010 h 6857968"/>
              <a:gd name="connsiteX255" fmla="*/ 4405306 w 9497977"/>
              <a:gd name="connsiteY255" fmla="*/ 6325709 h 6857968"/>
              <a:gd name="connsiteX256" fmla="*/ 4191404 w 9497977"/>
              <a:gd name="connsiteY256" fmla="*/ 6325709 h 6857968"/>
              <a:gd name="connsiteX257" fmla="*/ 4191404 w 9497977"/>
              <a:gd name="connsiteY257" fmla="*/ 6397010 h 6857968"/>
              <a:gd name="connsiteX258" fmla="*/ 4262705 w 9497977"/>
              <a:gd name="connsiteY258" fmla="*/ 6397010 h 6857968"/>
              <a:gd name="connsiteX259" fmla="*/ 4262705 w 9497977"/>
              <a:gd name="connsiteY259" fmla="*/ 6325709 h 6857968"/>
              <a:gd name="connsiteX260" fmla="*/ 4048731 w 9497977"/>
              <a:gd name="connsiteY260" fmla="*/ 6325709 h 6857968"/>
              <a:gd name="connsiteX261" fmla="*/ 4048731 w 9497977"/>
              <a:gd name="connsiteY261" fmla="*/ 6397010 h 6857968"/>
              <a:gd name="connsiteX262" fmla="*/ 4120032 w 9497977"/>
              <a:gd name="connsiteY262" fmla="*/ 6397010 h 6857968"/>
              <a:gd name="connsiteX263" fmla="*/ 4120032 w 9497977"/>
              <a:gd name="connsiteY263" fmla="*/ 6325709 h 6857968"/>
              <a:gd name="connsiteX264" fmla="*/ 3906059 w 9497977"/>
              <a:gd name="connsiteY264" fmla="*/ 6325709 h 6857968"/>
              <a:gd name="connsiteX265" fmla="*/ 3906059 w 9497977"/>
              <a:gd name="connsiteY265" fmla="*/ 6397010 h 6857968"/>
              <a:gd name="connsiteX266" fmla="*/ 3977360 w 9497977"/>
              <a:gd name="connsiteY266" fmla="*/ 6397010 h 6857968"/>
              <a:gd name="connsiteX267" fmla="*/ 3977360 w 9497977"/>
              <a:gd name="connsiteY267" fmla="*/ 6325709 h 6857968"/>
              <a:gd name="connsiteX268" fmla="*/ 3763457 w 9497977"/>
              <a:gd name="connsiteY268" fmla="*/ 6325709 h 6857968"/>
              <a:gd name="connsiteX269" fmla="*/ 3763457 w 9497977"/>
              <a:gd name="connsiteY269" fmla="*/ 6397010 h 6857968"/>
              <a:gd name="connsiteX270" fmla="*/ 3834758 w 9497977"/>
              <a:gd name="connsiteY270" fmla="*/ 6397010 h 6857968"/>
              <a:gd name="connsiteX271" fmla="*/ 3834758 w 9497977"/>
              <a:gd name="connsiteY271" fmla="*/ 6325709 h 6857968"/>
              <a:gd name="connsiteX272" fmla="*/ 3620784 w 9497977"/>
              <a:gd name="connsiteY272" fmla="*/ 6325709 h 6857968"/>
              <a:gd name="connsiteX273" fmla="*/ 3620784 w 9497977"/>
              <a:gd name="connsiteY273" fmla="*/ 6397010 h 6857968"/>
              <a:gd name="connsiteX274" fmla="*/ 3692085 w 9497977"/>
              <a:gd name="connsiteY274" fmla="*/ 6397010 h 6857968"/>
              <a:gd name="connsiteX275" fmla="*/ 3692085 w 9497977"/>
              <a:gd name="connsiteY275" fmla="*/ 6325709 h 6857968"/>
              <a:gd name="connsiteX276" fmla="*/ 3478184 w 9497977"/>
              <a:gd name="connsiteY276" fmla="*/ 6325709 h 6857968"/>
              <a:gd name="connsiteX277" fmla="*/ 3478184 w 9497977"/>
              <a:gd name="connsiteY277" fmla="*/ 6397010 h 6857968"/>
              <a:gd name="connsiteX278" fmla="*/ 3549484 w 9497977"/>
              <a:gd name="connsiteY278" fmla="*/ 6397010 h 6857968"/>
              <a:gd name="connsiteX279" fmla="*/ 3549484 w 9497977"/>
              <a:gd name="connsiteY279" fmla="*/ 6325709 h 6857968"/>
              <a:gd name="connsiteX280" fmla="*/ 3335511 w 9497977"/>
              <a:gd name="connsiteY280" fmla="*/ 6325709 h 6857968"/>
              <a:gd name="connsiteX281" fmla="*/ 3335511 w 9497977"/>
              <a:gd name="connsiteY281" fmla="*/ 6397010 h 6857968"/>
              <a:gd name="connsiteX282" fmla="*/ 3406811 w 9497977"/>
              <a:gd name="connsiteY282" fmla="*/ 6397010 h 6857968"/>
              <a:gd name="connsiteX283" fmla="*/ 3406811 w 9497977"/>
              <a:gd name="connsiteY283" fmla="*/ 6325709 h 6857968"/>
              <a:gd name="connsiteX284" fmla="*/ 3192839 w 9497977"/>
              <a:gd name="connsiteY284" fmla="*/ 6325709 h 6857968"/>
              <a:gd name="connsiteX285" fmla="*/ 3192839 w 9497977"/>
              <a:gd name="connsiteY285" fmla="*/ 6397010 h 6857968"/>
              <a:gd name="connsiteX286" fmla="*/ 3264139 w 9497977"/>
              <a:gd name="connsiteY286" fmla="*/ 6397010 h 6857968"/>
              <a:gd name="connsiteX287" fmla="*/ 3264139 w 9497977"/>
              <a:gd name="connsiteY287" fmla="*/ 6325709 h 6857968"/>
              <a:gd name="connsiteX288" fmla="*/ 3050237 w 9497977"/>
              <a:gd name="connsiteY288" fmla="*/ 6325709 h 6857968"/>
              <a:gd name="connsiteX289" fmla="*/ 3050237 w 9497977"/>
              <a:gd name="connsiteY289" fmla="*/ 6397010 h 6857968"/>
              <a:gd name="connsiteX290" fmla="*/ 3121537 w 9497977"/>
              <a:gd name="connsiteY290" fmla="*/ 6397010 h 6857968"/>
              <a:gd name="connsiteX291" fmla="*/ 3121537 w 9497977"/>
              <a:gd name="connsiteY291" fmla="*/ 6325709 h 6857968"/>
              <a:gd name="connsiteX292" fmla="*/ 2907564 w 9497977"/>
              <a:gd name="connsiteY292" fmla="*/ 6325709 h 6857968"/>
              <a:gd name="connsiteX293" fmla="*/ 2907564 w 9497977"/>
              <a:gd name="connsiteY293" fmla="*/ 6397010 h 6857968"/>
              <a:gd name="connsiteX294" fmla="*/ 2978865 w 9497977"/>
              <a:gd name="connsiteY294" fmla="*/ 6397010 h 6857968"/>
              <a:gd name="connsiteX295" fmla="*/ 2978865 w 9497977"/>
              <a:gd name="connsiteY295" fmla="*/ 6325709 h 6857968"/>
              <a:gd name="connsiteX296" fmla="*/ 2764962 w 9497977"/>
              <a:gd name="connsiteY296" fmla="*/ 6325709 h 6857968"/>
              <a:gd name="connsiteX297" fmla="*/ 2764962 w 9497977"/>
              <a:gd name="connsiteY297" fmla="*/ 6397010 h 6857968"/>
              <a:gd name="connsiteX298" fmla="*/ 2836263 w 9497977"/>
              <a:gd name="connsiteY298" fmla="*/ 6397010 h 6857968"/>
              <a:gd name="connsiteX299" fmla="*/ 2836263 w 9497977"/>
              <a:gd name="connsiteY299" fmla="*/ 6325709 h 6857968"/>
              <a:gd name="connsiteX300" fmla="*/ 2622291 w 9497977"/>
              <a:gd name="connsiteY300" fmla="*/ 6325709 h 6857968"/>
              <a:gd name="connsiteX301" fmla="*/ 2622291 w 9497977"/>
              <a:gd name="connsiteY301" fmla="*/ 6397010 h 6857968"/>
              <a:gd name="connsiteX302" fmla="*/ 2693591 w 9497977"/>
              <a:gd name="connsiteY302" fmla="*/ 6397010 h 6857968"/>
              <a:gd name="connsiteX303" fmla="*/ 2693591 w 9497977"/>
              <a:gd name="connsiteY303" fmla="*/ 6325709 h 6857968"/>
              <a:gd name="connsiteX304" fmla="*/ 2479688 w 9497977"/>
              <a:gd name="connsiteY304" fmla="*/ 6325709 h 6857968"/>
              <a:gd name="connsiteX305" fmla="*/ 2479688 w 9497977"/>
              <a:gd name="connsiteY305" fmla="*/ 6397010 h 6857968"/>
              <a:gd name="connsiteX306" fmla="*/ 2550990 w 9497977"/>
              <a:gd name="connsiteY306" fmla="*/ 6397010 h 6857968"/>
              <a:gd name="connsiteX307" fmla="*/ 2550990 w 9497977"/>
              <a:gd name="connsiteY307" fmla="*/ 6325709 h 6857968"/>
              <a:gd name="connsiteX308" fmla="*/ 2337016 w 9497977"/>
              <a:gd name="connsiteY308" fmla="*/ 6325709 h 6857968"/>
              <a:gd name="connsiteX309" fmla="*/ 2337016 w 9497977"/>
              <a:gd name="connsiteY309" fmla="*/ 6397010 h 6857968"/>
              <a:gd name="connsiteX310" fmla="*/ 2408317 w 9497977"/>
              <a:gd name="connsiteY310" fmla="*/ 6397010 h 6857968"/>
              <a:gd name="connsiteX311" fmla="*/ 2408317 w 9497977"/>
              <a:gd name="connsiteY311" fmla="*/ 6325709 h 6857968"/>
              <a:gd name="connsiteX312" fmla="*/ 2195429 w 9497977"/>
              <a:gd name="connsiteY312" fmla="*/ 6325709 h 6857968"/>
              <a:gd name="connsiteX313" fmla="*/ 2195429 w 9497977"/>
              <a:gd name="connsiteY313" fmla="*/ 6397010 h 6857968"/>
              <a:gd name="connsiteX314" fmla="*/ 2266731 w 9497977"/>
              <a:gd name="connsiteY314" fmla="*/ 6397010 h 6857968"/>
              <a:gd name="connsiteX315" fmla="*/ 2266731 w 9497977"/>
              <a:gd name="connsiteY315" fmla="*/ 6325709 h 6857968"/>
              <a:gd name="connsiteX316" fmla="*/ 2052828 w 9497977"/>
              <a:gd name="connsiteY316" fmla="*/ 6325709 h 6857968"/>
              <a:gd name="connsiteX317" fmla="*/ 2052828 w 9497977"/>
              <a:gd name="connsiteY317" fmla="*/ 6397010 h 6857968"/>
              <a:gd name="connsiteX318" fmla="*/ 2124128 w 9497977"/>
              <a:gd name="connsiteY318" fmla="*/ 6397010 h 6857968"/>
              <a:gd name="connsiteX319" fmla="*/ 2124128 w 9497977"/>
              <a:gd name="connsiteY319" fmla="*/ 6325709 h 6857968"/>
              <a:gd name="connsiteX320" fmla="*/ 1910155 w 9497977"/>
              <a:gd name="connsiteY320" fmla="*/ 6325709 h 6857968"/>
              <a:gd name="connsiteX321" fmla="*/ 1910155 w 9497977"/>
              <a:gd name="connsiteY321" fmla="*/ 6397010 h 6857968"/>
              <a:gd name="connsiteX322" fmla="*/ 1981455 w 9497977"/>
              <a:gd name="connsiteY322" fmla="*/ 6397010 h 6857968"/>
              <a:gd name="connsiteX323" fmla="*/ 1981455 w 9497977"/>
              <a:gd name="connsiteY323" fmla="*/ 6325709 h 6857968"/>
              <a:gd name="connsiteX324" fmla="*/ 1767483 w 9497977"/>
              <a:gd name="connsiteY324" fmla="*/ 6325709 h 6857968"/>
              <a:gd name="connsiteX325" fmla="*/ 1767483 w 9497977"/>
              <a:gd name="connsiteY325" fmla="*/ 6397010 h 6857968"/>
              <a:gd name="connsiteX326" fmla="*/ 1838783 w 9497977"/>
              <a:gd name="connsiteY326" fmla="*/ 6397010 h 6857968"/>
              <a:gd name="connsiteX327" fmla="*/ 1838783 w 9497977"/>
              <a:gd name="connsiteY327" fmla="*/ 6325709 h 6857968"/>
              <a:gd name="connsiteX328" fmla="*/ 1624882 w 9497977"/>
              <a:gd name="connsiteY328" fmla="*/ 6325709 h 6857968"/>
              <a:gd name="connsiteX329" fmla="*/ 1624882 w 9497977"/>
              <a:gd name="connsiteY329" fmla="*/ 6397010 h 6857968"/>
              <a:gd name="connsiteX330" fmla="*/ 1696183 w 9497977"/>
              <a:gd name="connsiteY330" fmla="*/ 6397010 h 6857968"/>
              <a:gd name="connsiteX331" fmla="*/ 1696183 w 9497977"/>
              <a:gd name="connsiteY331" fmla="*/ 6325709 h 6857968"/>
              <a:gd name="connsiteX332" fmla="*/ 1482215 w 9497977"/>
              <a:gd name="connsiteY332" fmla="*/ 6325709 h 6857968"/>
              <a:gd name="connsiteX333" fmla="*/ 1482215 w 9497977"/>
              <a:gd name="connsiteY333" fmla="*/ 6397010 h 6857968"/>
              <a:gd name="connsiteX334" fmla="*/ 1553511 w 9497977"/>
              <a:gd name="connsiteY334" fmla="*/ 6397010 h 6857968"/>
              <a:gd name="connsiteX335" fmla="*/ 1553511 w 9497977"/>
              <a:gd name="connsiteY335" fmla="*/ 6325709 h 6857968"/>
              <a:gd name="connsiteX336" fmla="*/ 1339621 w 9497977"/>
              <a:gd name="connsiteY336" fmla="*/ 6325709 h 6857968"/>
              <a:gd name="connsiteX337" fmla="*/ 1339621 w 9497977"/>
              <a:gd name="connsiteY337" fmla="*/ 6397010 h 6857968"/>
              <a:gd name="connsiteX338" fmla="*/ 1410920 w 9497977"/>
              <a:gd name="connsiteY338" fmla="*/ 6397010 h 6857968"/>
              <a:gd name="connsiteX339" fmla="*/ 1410920 w 9497977"/>
              <a:gd name="connsiteY339" fmla="*/ 6325709 h 6857968"/>
              <a:gd name="connsiteX340" fmla="*/ 1196941 w 9497977"/>
              <a:gd name="connsiteY340" fmla="*/ 6325709 h 6857968"/>
              <a:gd name="connsiteX341" fmla="*/ 1196941 w 9497977"/>
              <a:gd name="connsiteY341" fmla="*/ 6397010 h 6857968"/>
              <a:gd name="connsiteX342" fmla="*/ 1268245 w 9497977"/>
              <a:gd name="connsiteY342" fmla="*/ 6397010 h 6857968"/>
              <a:gd name="connsiteX343" fmla="*/ 1268245 w 9497977"/>
              <a:gd name="connsiteY343" fmla="*/ 6325709 h 6857968"/>
              <a:gd name="connsiteX344" fmla="*/ 1054277 w 9497977"/>
              <a:gd name="connsiteY344" fmla="*/ 6325709 h 6857968"/>
              <a:gd name="connsiteX345" fmla="*/ 1054277 w 9497977"/>
              <a:gd name="connsiteY345" fmla="*/ 6397010 h 6857968"/>
              <a:gd name="connsiteX346" fmla="*/ 1125575 w 9497977"/>
              <a:gd name="connsiteY346" fmla="*/ 6397010 h 6857968"/>
              <a:gd name="connsiteX347" fmla="*/ 1125575 w 9497977"/>
              <a:gd name="connsiteY347" fmla="*/ 6325709 h 6857968"/>
              <a:gd name="connsiteX348" fmla="*/ 911663 w 9497977"/>
              <a:gd name="connsiteY348" fmla="*/ 6325709 h 6857968"/>
              <a:gd name="connsiteX349" fmla="*/ 911663 w 9497977"/>
              <a:gd name="connsiteY349" fmla="*/ 6397010 h 6857968"/>
              <a:gd name="connsiteX350" fmla="*/ 982964 w 9497977"/>
              <a:gd name="connsiteY350" fmla="*/ 6397010 h 6857968"/>
              <a:gd name="connsiteX351" fmla="*/ 982964 w 9497977"/>
              <a:gd name="connsiteY351" fmla="*/ 6325709 h 6857968"/>
              <a:gd name="connsiteX352" fmla="*/ 769001 w 9497977"/>
              <a:gd name="connsiteY352" fmla="*/ 6325709 h 6857968"/>
              <a:gd name="connsiteX353" fmla="*/ 769001 w 9497977"/>
              <a:gd name="connsiteY353" fmla="*/ 6397010 h 6857968"/>
              <a:gd name="connsiteX354" fmla="*/ 840299 w 9497977"/>
              <a:gd name="connsiteY354" fmla="*/ 6397010 h 6857968"/>
              <a:gd name="connsiteX355" fmla="*/ 840299 w 9497977"/>
              <a:gd name="connsiteY355" fmla="*/ 6325709 h 6857968"/>
              <a:gd name="connsiteX356" fmla="*/ 626392 w 9497977"/>
              <a:gd name="connsiteY356" fmla="*/ 6325709 h 6857968"/>
              <a:gd name="connsiteX357" fmla="*/ 626392 w 9497977"/>
              <a:gd name="connsiteY357" fmla="*/ 6397010 h 6857968"/>
              <a:gd name="connsiteX358" fmla="*/ 697691 w 9497977"/>
              <a:gd name="connsiteY358" fmla="*/ 6397010 h 6857968"/>
              <a:gd name="connsiteX359" fmla="*/ 697691 w 9497977"/>
              <a:gd name="connsiteY359" fmla="*/ 6325709 h 6857968"/>
              <a:gd name="connsiteX360" fmla="*/ 7044216 w 9497977"/>
              <a:gd name="connsiteY360" fmla="*/ 6183107 h 6857968"/>
              <a:gd name="connsiteX361" fmla="*/ 7044216 w 9497977"/>
              <a:gd name="connsiteY361" fmla="*/ 6254408 h 6857968"/>
              <a:gd name="connsiteX362" fmla="*/ 7115517 w 9497977"/>
              <a:gd name="connsiteY362" fmla="*/ 6254408 h 6857968"/>
              <a:gd name="connsiteX363" fmla="*/ 7115517 w 9497977"/>
              <a:gd name="connsiteY363" fmla="*/ 6183107 h 6857968"/>
              <a:gd name="connsiteX364" fmla="*/ 6901543 w 9497977"/>
              <a:gd name="connsiteY364" fmla="*/ 6183107 h 6857968"/>
              <a:gd name="connsiteX365" fmla="*/ 6901543 w 9497977"/>
              <a:gd name="connsiteY365" fmla="*/ 6254408 h 6857968"/>
              <a:gd name="connsiteX366" fmla="*/ 6972844 w 9497977"/>
              <a:gd name="connsiteY366" fmla="*/ 6254408 h 6857968"/>
              <a:gd name="connsiteX367" fmla="*/ 6972844 w 9497977"/>
              <a:gd name="connsiteY367" fmla="*/ 6183107 h 6857968"/>
              <a:gd name="connsiteX368" fmla="*/ 6758942 w 9497977"/>
              <a:gd name="connsiteY368" fmla="*/ 6183107 h 6857968"/>
              <a:gd name="connsiteX369" fmla="*/ 6758942 w 9497977"/>
              <a:gd name="connsiteY369" fmla="*/ 6254408 h 6857968"/>
              <a:gd name="connsiteX370" fmla="*/ 6830242 w 9497977"/>
              <a:gd name="connsiteY370" fmla="*/ 6254408 h 6857968"/>
              <a:gd name="connsiteX371" fmla="*/ 6830242 w 9497977"/>
              <a:gd name="connsiteY371" fmla="*/ 6183107 h 6857968"/>
              <a:gd name="connsiteX372" fmla="*/ 6616269 w 9497977"/>
              <a:gd name="connsiteY372" fmla="*/ 6183107 h 6857968"/>
              <a:gd name="connsiteX373" fmla="*/ 6616269 w 9497977"/>
              <a:gd name="connsiteY373" fmla="*/ 6254408 h 6857968"/>
              <a:gd name="connsiteX374" fmla="*/ 6687570 w 9497977"/>
              <a:gd name="connsiteY374" fmla="*/ 6254408 h 6857968"/>
              <a:gd name="connsiteX375" fmla="*/ 6687570 w 9497977"/>
              <a:gd name="connsiteY375" fmla="*/ 6183107 h 6857968"/>
              <a:gd name="connsiteX376" fmla="*/ 6473667 w 9497977"/>
              <a:gd name="connsiteY376" fmla="*/ 6183107 h 6857968"/>
              <a:gd name="connsiteX377" fmla="*/ 6473667 w 9497977"/>
              <a:gd name="connsiteY377" fmla="*/ 6254408 h 6857968"/>
              <a:gd name="connsiteX378" fmla="*/ 6544968 w 9497977"/>
              <a:gd name="connsiteY378" fmla="*/ 6254408 h 6857968"/>
              <a:gd name="connsiteX379" fmla="*/ 6544968 w 9497977"/>
              <a:gd name="connsiteY379" fmla="*/ 6183107 h 6857968"/>
              <a:gd name="connsiteX380" fmla="*/ 6330995 w 9497977"/>
              <a:gd name="connsiteY380" fmla="*/ 6183107 h 6857968"/>
              <a:gd name="connsiteX381" fmla="*/ 6330995 w 9497977"/>
              <a:gd name="connsiteY381" fmla="*/ 6254408 h 6857968"/>
              <a:gd name="connsiteX382" fmla="*/ 6402296 w 9497977"/>
              <a:gd name="connsiteY382" fmla="*/ 6254408 h 6857968"/>
              <a:gd name="connsiteX383" fmla="*/ 6402296 w 9497977"/>
              <a:gd name="connsiteY383" fmla="*/ 6183107 h 6857968"/>
              <a:gd name="connsiteX384" fmla="*/ 6188393 w 9497977"/>
              <a:gd name="connsiteY384" fmla="*/ 6183107 h 6857968"/>
              <a:gd name="connsiteX385" fmla="*/ 6188393 w 9497977"/>
              <a:gd name="connsiteY385" fmla="*/ 6254408 h 6857968"/>
              <a:gd name="connsiteX386" fmla="*/ 6259694 w 9497977"/>
              <a:gd name="connsiteY386" fmla="*/ 6254408 h 6857968"/>
              <a:gd name="connsiteX387" fmla="*/ 6259694 w 9497977"/>
              <a:gd name="connsiteY387" fmla="*/ 6183107 h 6857968"/>
              <a:gd name="connsiteX388" fmla="*/ 6045721 w 9497977"/>
              <a:gd name="connsiteY388" fmla="*/ 6183107 h 6857968"/>
              <a:gd name="connsiteX389" fmla="*/ 6045721 w 9497977"/>
              <a:gd name="connsiteY389" fmla="*/ 6254408 h 6857968"/>
              <a:gd name="connsiteX390" fmla="*/ 6117021 w 9497977"/>
              <a:gd name="connsiteY390" fmla="*/ 6254408 h 6857968"/>
              <a:gd name="connsiteX391" fmla="*/ 6117021 w 9497977"/>
              <a:gd name="connsiteY391" fmla="*/ 6183107 h 6857968"/>
              <a:gd name="connsiteX392" fmla="*/ 5903048 w 9497977"/>
              <a:gd name="connsiteY392" fmla="*/ 6183107 h 6857968"/>
              <a:gd name="connsiteX393" fmla="*/ 5903048 w 9497977"/>
              <a:gd name="connsiteY393" fmla="*/ 6254408 h 6857968"/>
              <a:gd name="connsiteX394" fmla="*/ 5974349 w 9497977"/>
              <a:gd name="connsiteY394" fmla="*/ 6254408 h 6857968"/>
              <a:gd name="connsiteX395" fmla="*/ 5974349 w 9497977"/>
              <a:gd name="connsiteY395" fmla="*/ 6183107 h 6857968"/>
              <a:gd name="connsiteX396" fmla="*/ 5760447 w 9497977"/>
              <a:gd name="connsiteY396" fmla="*/ 6183107 h 6857968"/>
              <a:gd name="connsiteX397" fmla="*/ 5760447 w 9497977"/>
              <a:gd name="connsiteY397" fmla="*/ 6254408 h 6857968"/>
              <a:gd name="connsiteX398" fmla="*/ 5831748 w 9497977"/>
              <a:gd name="connsiteY398" fmla="*/ 6254408 h 6857968"/>
              <a:gd name="connsiteX399" fmla="*/ 5831748 w 9497977"/>
              <a:gd name="connsiteY399" fmla="*/ 6183107 h 6857968"/>
              <a:gd name="connsiteX400" fmla="*/ 5617774 w 9497977"/>
              <a:gd name="connsiteY400" fmla="*/ 6183107 h 6857968"/>
              <a:gd name="connsiteX401" fmla="*/ 5617774 w 9497977"/>
              <a:gd name="connsiteY401" fmla="*/ 6254408 h 6857968"/>
              <a:gd name="connsiteX402" fmla="*/ 5689075 w 9497977"/>
              <a:gd name="connsiteY402" fmla="*/ 6254408 h 6857968"/>
              <a:gd name="connsiteX403" fmla="*/ 5689075 w 9497977"/>
              <a:gd name="connsiteY403" fmla="*/ 6183107 h 6857968"/>
              <a:gd name="connsiteX404" fmla="*/ 5475173 w 9497977"/>
              <a:gd name="connsiteY404" fmla="*/ 6183107 h 6857968"/>
              <a:gd name="connsiteX405" fmla="*/ 5475173 w 9497977"/>
              <a:gd name="connsiteY405" fmla="*/ 6254408 h 6857968"/>
              <a:gd name="connsiteX406" fmla="*/ 5546474 w 9497977"/>
              <a:gd name="connsiteY406" fmla="*/ 6254408 h 6857968"/>
              <a:gd name="connsiteX407" fmla="*/ 5546474 w 9497977"/>
              <a:gd name="connsiteY407" fmla="*/ 6183107 h 6857968"/>
              <a:gd name="connsiteX408" fmla="*/ 5332500 w 9497977"/>
              <a:gd name="connsiteY408" fmla="*/ 6183107 h 6857968"/>
              <a:gd name="connsiteX409" fmla="*/ 5332500 w 9497977"/>
              <a:gd name="connsiteY409" fmla="*/ 6254408 h 6857968"/>
              <a:gd name="connsiteX410" fmla="*/ 5403801 w 9497977"/>
              <a:gd name="connsiteY410" fmla="*/ 6254408 h 6857968"/>
              <a:gd name="connsiteX411" fmla="*/ 5403801 w 9497977"/>
              <a:gd name="connsiteY411" fmla="*/ 6183107 h 6857968"/>
              <a:gd name="connsiteX412" fmla="*/ 5189828 w 9497977"/>
              <a:gd name="connsiteY412" fmla="*/ 6183107 h 6857968"/>
              <a:gd name="connsiteX413" fmla="*/ 5189828 w 9497977"/>
              <a:gd name="connsiteY413" fmla="*/ 6254408 h 6857968"/>
              <a:gd name="connsiteX414" fmla="*/ 5261129 w 9497977"/>
              <a:gd name="connsiteY414" fmla="*/ 6254408 h 6857968"/>
              <a:gd name="connsiteX415" fmla="*/ 5261129 w 9497977"/>
              <a:gd name="connsiteY415" fmla="*/ 6183107 h 6857968"/>
              <a:gd name="connsiteX416" fmla="*/ 5047226 w 9497977"/>
              <a:gd name="connsiteY416" fmla="*/ 6183107 h 6857968"/>
              <a:gd name="connsiteX417" fmla="*/ 5047226 w 9497977"/>
              <a:gd name="connsiteY417" fmla="*/ 6254408 h 6857968"/>
              <a:gd name="connsiteX418" fmla="*/ 5118527 w 9497977"/>
              <a:gd name="connsiteY418" fmla="*/ 6254408 h 6857968"/>
              <a:gd name="connsiteX419" fmla="*/ 5118527 w 9497977"/>
              <a:gd name="connsiteY419" fmla="*/ 6183107 h 6857968"/>
              <a:gd name="connsiteX420" fmla="*/ 4904553 w 9497977"/>
              <a:gd name="connsiteY420" fmla="*/ 6183107 h 6857968"/>
              <a:gd name="connsiteX421" fmla="*/ 4904553 w 9497977"/>
              <a:gd name="connsiteY421" fmla="*/ 6254408 h 6857968"/>
              <a:gd name="connsiteX422" fmla="*/ 4975854 w 9497977"/>
              <a:gd name="connsiteY422" fmla="*/ 6254408 h 6857968"/>
              <a:gd name="connsiteX423" fmla="*/ 4975854 w 9497977"/>
              <a:gd name="connsiteY423" fmla="*/ 6183107 h 6857968"/>
              <a:gd name="connsiteX424" fmla="*/ 4761952 w 9497977"/>
              <a:gd name="connsiteY424" fmla="*/ 6183107 h 6857968"/>
              <a:gd name="connsiteX425" fmla="*/ 4761952 w 9497977"/>
              <a:gd name="connsiteY425" fmla="*/ 6254408 h 6857968"/>
              <a:gd name="connsiteX426" fmla="*/ 4833253 w 9497977"/>
              <a:gd name="connsiteY426" fmla="*/ 6254408 h 6857968"/>
              <a:gd name="connsiteX427" fmla="*/ 4833253 w 9497977"/>
              <a:gd name="connsiteY427" fmla="*/ 6183107 h 6857968"/>
              <a:gd name="connsiteX428" fmla="*/ 4619279 w 9497977"/>
              <a:gd name="connsiteY428" fmla="*/ 6183107 h 6857968"/>
              <a:gd name="connsiteX429" fmla="*/ 4619279 w 9497977"/>
              <a:gd name="connsiteY429" fmla="*/ 6254408 h 6857968"/>
              <a:gd name="connsiteX430" fmla="*/ 4690580 w 9497977"/>
              <a:gd name="connsiteY430" fmla="*/ 6254408 h 6857968"/>
              <a:gd name="connsiteX431" fmla="*/ 4690580 w 9497977"/>
              <a:gd name="connsiteY431" fmla="*/ 6183107 h 6857968"/>
              <a:gd name="connsiteX432" fmla="*/ 4476678 w 9497977"/>
              <a:gd name="connsiteY432" fmla="*/ 6183107 h 6857968"/>
              <a:gd name="connsiteX433" fmla="*/ 4476678 w 9497977"/>
              <a:gd name="connsiteY433" fmla="*/ 6254408 h 6857968"/>
              <a:gd name="connsiteX434" fmla="*/ 4547979 w 9497977"/>
              <a:gd name="connsiteY434" fmla="*/ 6254408 h 6857968"/>
              <a:gd name="connsiteX435" fmla="*/ 4547979 w 9497977"/>
              <a:gd name="connsiteY435" fmla="*/ 6183107 h 6857968"/>
              <a:gd name="connsiteX436" fmla="*/ 4334005 w 9497977"/>
              <a:gd name="connsiteY436" fmla="*/ 6183107 h 6857968"/>
              <a:gd name="connsiteX437" fmla="*/ 4334005 w 9497977"/>
              <a:gd name="connsiteY437" fmla="*/ 6254408 h 6857968"/>
              <a:gd name="connsiteX438" fmla="*/ 4405306 w 9497977"/>
              <a:gd name="connsiteY438" fmla="*/ 6254408 h 6857968"/>
              <a:gd name="connsiteX439" fmla="*/ 4405306 w 9497977"/>
              <a:gd name="connsiteY439" fmla="*/ 6183107 h 6857968"/>
              <a:gd name="connsiteX440" fmla="*/ 4191404 w 9497977"/>
              <a:gd name="connsiteY440" fmla="*/ 6183107 h 6857968"/>
              <a:gd name="connsiteX441" fmla="*/ 4191404 w 9497977"/>
              <a:gd name="connsiteY441" fmla="*/ 6254408 h 6857968"/>
              <a:gd name="connsiteX442" fmla="*/ 4262705 w 9497977"/>
              <a:gd name="connsiteY442" fmla="*/ 6254408 h 6857968"/>
              <a:gd name="connsiteX443" fmla="*/ 4262705 w 9497977"/>
              <a:gd name="connsiteY443" fmla="*/ 6183107 h 6857968"/>
              <a:gd name="connsiteX444" fmla="*/ 4048731 w 9497977"/>
              <a:gd name="connsiteY444" fmla="*/ 6183107 h 6857968"/>
              <a:gd name="connsiteX445" fmla="*/ 4048731 w 9497977"/>
              <a:gd name="connsiteY445" fmla="*/ 6254408 h 6857968"/>
              <a:gd name="connsiteX446" fmla="*/ 4120032 w 9497977"/>
              <a:gd name="connsiteY446" fmla="*/ 6254408 h 6857968"/>
              <a:gd name="connsiteX447" fmla="*/ 4120032 w 9497977"/>
              <a:gd name="connsiteY447" fmla="*/ 6183107 h 6857968"/>
              <a:gd name="connsiteX448" fmla="*/ 3906059 w 9497977"/>
              <a:gd name="connsiteY448" fmla="*/ 6183107 h 6857968"/>
              <a:gd name="connsiteX449" fmla="*/ 3906059 w 9497977"/>
              <a:gd name="connsiteY449" fmla="*/ 6254408 h 6857968"/>
              <a:gd name="connsiteX450" fmla="*/ 3977360 w 9497977"/>
              <a:gd name="connsiteY450" fmla="*/ 6254408 h 6857968"/>
              <a:gd name="connsiteX451" fmla="*/ 3977360 w 9497977"/>
              <a:gd name="connsiteY451" fmla="*/ 6183107 h 6857968"/>
              <a:gd name="connsiteX452" fmla="*/ 3763457 w 9497977"/>
              <a:gd name="connsiteY452" fmla="*/ 6183107 h 6857968"/>
              <a:gd name="connsiteX453" fmla="*/ 3763457 w 9497977"/>
              <a:gd name="connsiteY453" fmla="*/ 6254408 h 6857968"/>
              <a:gd name="connsiteX454" fmla="*/ 3834758 w 9497977"/>
              <a:gd name="connsiteY454" fmla="*/ 6254408 h 6857968"/>
              <a:gd name="connsiteX455" fmla="*/ 3834758 w 9497977"/>
              <a:gd name="connsiteY455" fmla="*/ 6183107 h 6857968"/>
              <a:gd name="connsiteX456" fmla="*/ 3620784 w 9497977"/>
              <a:gd name="connsiteY456" fmla="*/ 6183107 h 6857968"/>
              <a:gd name="connsiteX457" fmla="*/ 3620784 w 9497977"/>
              <a:gd name="connsiteY457" fmla="*/ 6254408 h 6857968"/>
              <a:gd name="connsiteX458" fmla="*/ 3692085 w 9497977"/>
              <a:gd name="connsiteY458" fmla="*/ 6254408 h 6857968"/>
              <a:gd name="connsiteX459" fmla="*/ 3692085 w 9497977"/>
              <a:gd name="connsiteY459" fmla="*/ 6183107 h 6857968"/>
              <a:gd name="connsiteX460" fmla="*/ 3478184 w 9497977"/>
              <a:gd name="connsiteY460" fmla="*/ 6183107 h 6857968"/>
              <a:gd name="connsiteX461" fmla="*/ 3478184 w 9497977"/>
              <a:gd name="connsiteY461" fmla="*/ 6254408 h 6857968"/>
              <a:gd name="connsiteX462" fmla="*/ 3549484 w 9497977"/>
              <a:gd name="connsiteY462" fmla="*/ 6254408 h 6857968"/>
              <a:gd name="connsiteX463" fmla="*/ 3549484 w 9497977"/>
              <a:gd name="connsiteY463" fmla="*/ 6183107 h 6857968"/>
              <a:gd name="connsiteX464" fmla="*/ 3335511 w 9497977"/>
              <a:gd name="connsiteY464" fmla="*/ 6183107 h 6857968"/>
              <a:gd name="connsiteX465" fmla="*/ 3335511 w 9497977"/>
              <a:gd name="connsiteY465" fmla="*/ 6254408 h 6857968"/>
              <a:gd name="connsiteX466" fmla="*/ 3406811 w 9497977"/>
              <a:gd name="connsiteY466" fmla="*/ 6254408 h 6857968"/>
              <a:gd name="connsiteX467" fmla="*/ 3406811 w 9497977"/>
              <a:gd name="connsiteY467" fmla="*/ 6183107 h 6857968"/>
              <a:gd name="connsiteX468" fmla="*/ 3192839 w 9497977"/>
              <a:gd name="connsiteY468" fmla="*/ 6183107 h 6857968"/>
              <a:gd name="connsiteX469" fmla="*/ 3192839 w 9497977"/>
              <a:gd name="connsiteY469" fmla="*/ 6254408 h 6857968"/>
              <a:gd name="connsiteX470" fmla="*/ 3264139 w 9497977"/>
              <a:gd name="connsiteY470" fmla="*/ 6254408 h 6857968"/>
              <a:gd name="connsiteX471" fmla="*/ 3264139 w 9497977"/>
              <a:gd name="connsiteY471" fmla="*/ 6183107 h 6857968"/>
              <a:gd name="connsiteX472" fmla="*/ 3050237 w 9497977"/>
              <a:gd name="connsiteY472" fmla="*/ 6183107 h 6857968"/>
              <a:gd name="connsiteX473" fmla="*/ 3050237 w 9497977"/>
              <a:gd name="connsiteY473" fmla="*/ 6254408 h 6857968"/>
              <a:gd name="connsiteX474" fmla="*/ 3121537 w 9497977"/>
              <a:gd name="connsiteY474" fmla="*/ 6254408 h 6857968"/>
              <a:gd name="connsiteX475" fmla="*/ 3121537 w 9497977"/>
              <a:gd name="connsiteY475" fmla="*/ 6183107 h 6857968"/>
              <a:gd name="connsiteX476" fmla="*/ 2907564 w 9497977"/>
              <a:gd name="connsiteY476" fmla="*/ 6183107 h 6857968"/>
              <a:gd name="connsiteX477" fmla="*/ 2907564 w 9497977"/>
              <a:gd name="connsiteY477" fmla="*/ 6254408 h 6857968"/>
              <a:gd name="connsiteX478" fmla="*/ 2978865 w 9497977"/>
              <a:gd name="connsiteY478" fmla="*/ 6254408 h 6857968"/>
              <a:gd name="connsiteX479" fmla="*/ 2978865 w 9497977"/>
              <a:gd name="connsiteY479" fmla="*/ 6183107 h 6857968"/>
              <a:gd name="connsiteX480" fmla="*/ 2764962 w 9497977"/>
              <a:gd name="connsiteY480" fmla="*/ 6183107 h 6857968"/>
              <a:gd name="connsiteX481" fmla="*/ 2764962 w 9497977"/>
              <a:gd name="connsiteY481" fmla="*/ 6254408 h 6857968"/>
              <a:gd name="connsiteX482" fmla="*/ 2836263 w 9497977"/>
              <a:gd name="connsiteY482" fmla="*/ 6254408 h 6857968"/>
              <a:gd name="connsiteX483" fmla="*/ 2836263 w 9497977"/>
              <a:gd name="connsiteY483" fmla="*/ 6183107 h 6857968"/>
              <a:gd name="connsiteX484" fmla="*/ 2622291 w 9497977"/>
              <a:gd name="connsiteY484" fmla="*/ 6183107 h 6857968"/>
              <a:gd name="connsiteX485" fmla="*/ 2622291 w 9497977"/>
              <a:gd name="connsiteY485" fmla="*/ 6254408 h 6857968"/>
              <a:gd name="connsiteX486" fmla="*/ 2693591 w 9497977"/>
              <a:gd name="connsiteY486" fmla="*/ 6254408 h 6857968"/>
              <a:gd name="connsiteX487" fmla="*/ 2693591 w 9497977"/>
              <a:gd name="connsiteY487" fmla="*/ 6183107 h 6857968"/>
              <a:gd name="connsiteX488" fmla="*/ 2479688 w 9497977"/>
              <a:gd name="connsiteY488" fmla="*/ 6183107 h 6857968"/>
              <a:gd name="connsiteX489" fmla="*/ 2479688 w 9497977"/>
              <a:gd name="connsiteY489" fmla="*/ 6254408 h 6857968"/>
              <a:gd name="connsiteX490" fmla="*/ 2550990 w 9497977"/>
              <a:gd name="connsiteY490" fmla="*/ 6254408 h 6857968"/>
              <a:gd name="connsiteX491" fmla="*/ 2550990 w 9497977"/>
              <a:gd name="connsiteY491" fmla="*/ 6183107 h 6857968"/>
              <a:gd name="connsiteX492" fmla="*/ 2337016 w 9497977"/>
              <a:gd name="connsiteY492" fmla="*/ 6183107 h 6857968"/>
              <a:gd name="connsiteX493" fmla="*/ 2337016 w 9497977"/>
              <a:gd name="connsiteY493" fmla="*/ 6254408 h 6857968"/>
              <a:gd name="connsiteX494" fmla="*/ 2408317 w 9497977"/>
              <a:gd name="connsiteY494" fmla="*/ 6254408 h 6857968"/>
              <a:gd name="connsiteX495" fmla="*/ 2408317 w 9497977"/>
              <a:gd name="connsiteY495" fmla="*/ 6183107 h 6857968"/>
              <a:gd name="connsiteX496" fmla="*/ 2195429 w 9497977"/>
              <a:gd name="connsiteY496" fmla="*/ 6183107 h 6857968"/>
              <a:gd name="connsiteX497" fmla="*/ 2195429 w 9497977"/>
              <a:gd name="connsiteY497" fmla="*/ 6254408 h 6857968"/>
              <a:gd name="connsiteX498" fmla="*/ 2266731 w 9497977"/>
              <a:gd name="connsiteY498" fmla="*/ 6254408 h 6857968"/>
              <a:gd name="connsiteX499" fmla="*/ 2266731 w 9497977"/>
              <a:gd name="connsiteY499" fmla="*/ 6183107 h 6857968"/>
              <a:gd name="connsiteX500" fmla="*/ 2052828 w 9497977"/>
              <a:gd name="connsiteY500" fmla="*/ 6183107 h 6857968"/>
              <a:gd name="connsiteX501" fmla="*/ 2052828 w 9497977"/>
              <a:gd name="connsiteY501" fmla="*/ 6254408 h 6857968"/>
              <a:gd name="connsiteX502" fmla="*/ 2124128 w 9497977"/>
              <a:gd name="connsiteY502" fmla="*/ 6254408 h 6857968"/>
              <a:gd name="connsiteX503" fmla="*/ 2124128 w 9497977"/>
              <a:gd name="connsiteY503" fmla="*/ 6183107 h 6857968"/>
              <a:gd name="connsiteX504" fmla="*/ 1910155 w 9497977"/>
              <a:gd name="connsiteY504" fmla="*/ 6183107 h 6857968"/>
              <a:gd name="connsiteX505" fmla="*/ 1910155 w 9497977"/>
              <a:gd name="connsiteY505" fmla="*/ 6254408 h 6857968"/>
              <a:gd name="connsiteX506" fmla="*/ 1981455 w 9497977"/>
              <a:gd name="connsiteY506" fmla="*/ 6254408 h 6857968"/>
              <a:gd name="connsiteX507" fmla="*/ 1981455 w 9497977"/>
              <a:gd name="connsiteY507" fmla="*/ 6183107 h 6857968"/>
              <a:gd name="connsiteX508" fmla="*/ 1767483 w 9497977"/>
              <a:gd name="connsiteY508" fmla="*/ 6183107 h 6857968"/>
              <a:gd name="connsiteX509" fmla="*/ 1767483 w 9497977"/>
              <a:gd name="connsiteY509" fmla="*/ 6254408 h 6857968"/>
              <a:gd name="connsiteX510" fmla="*/ 1838783 w 9497977"/>
              <a:gd name="connsiteY510" fmla="*/ 6254408 h 6857968"/>
              <a:gd name="connsiteX511" fmla="*/ 1838783 w 9497977"/>
              <a:gd name="connsiteY511" fmla="*/ 6183107 h 6857968"/>
              <a:gd name="connsiteX512" fmla="*/ 1624882 w 9497977"/>
              <a:gd name="connsiteY512" fmla="*/ 6183107 h 6857968"/>
              <a:gd name="connsiteX513" fmla="*/ 1624882 w 9497977"/>
              <a:gd name="connsiteY513" fmla="*/ 6254408 h 6857968"/>
              <a:gd name="connsiteX514" fmla="*/ 1696183 w 9497977"/>
              <a:gd name="connsiteY514" fmla="*/ 6254408 h 6857968"/>
              <a:gd name="connsiteX515" fmla="*/ 1696183 w 9497977"/>
              <a:gd name="connsiteY515" fmla="*/ 6183107 h 6857968"/>
              <a:gd name="connsiteX516" fmla="*/ 1482215 w 9497977"/>
              <a:gd name="connsiteY516" fmla="*/ 6183107 h 6857968"/>
              <a:gd name="connsiteX517" fmla="*/ 1482215 w 9497977"/>
              <a:gd name="connsiteY517" fmla="*/ 6254408 h 6857968"/>
              <a:gd name="connsiteX518" fmla="*/ 1553511 w 9497977"/>
              <a:gd name="connsiteY518" fmla="*/ 6254408 h 6857968"/>
              <a:gd name="connsiteX519" fmla="*/ 1553511 w 9497977"/>
              <a:gd name="connsiteY519" fmla="*/ 6183107 h 6857968"/>
              <a:gd name="connsiteX520" fmla="*/ 1339621 w 9497977"/>
              <a:gd name="connsiteY520" fmla="*/ 6183107 h 6857968"/>
              <a:gd name="connsiteX521" fmla="*/ 1339621 w 9497977"/>
              <a:gd name="connsiteY521" fmla="*/ 6254408 h 6857968"/>
              <a:gd name="connsiteX522" fmla="*/ 1410920 w 9497977"/>
              <a:gd name="connsiteY522" fmla="*/ 6254408 h 6857968"/>
              <a:gd name="connsiteX523" fmla="*/ 1410920 w 9497977"/>
              <a:gd name="connsiteY523" fmla="*/ 6183107 h 6857968"/>
              <a:gd name="connsiteX524" fmla="*/ 1196948 w 9497977"/>
              <a:gd name="connsiteY524" fmla="*/ 6183107 h 6857968"/>
              <a:gd name="connsiteX525" fmla="*/ 1196948 w 9497977"/>
              <a:gd name="connsiteY525" fmla="*/ 6254408 h 6857968"/>
              <a:gd name="connsiteX526" fmla="*/ 1268245 w 9497977"/>
              <a:gd name="connsiteY526" fmla="*/ 6254408 h 6857968"/>
              <a:gd name="connsiteX527" fmla="*/ 1268245 w 9497977"/>
              <a:gd name="connsiteY527" fmla="*/ 6183107 h 6857968"/>
              <a:gd name="connsiteX528" fmla="*/ 1054277 w 9497977"/>
              <a:gd name="connsiteY528" fmla="*/ 6183107 h 6857968"/>
              <a:gd name="connsiteX529" fmla="*/ 1054277 w 9497977"/>
              <a:gd name="connsiteY529" fmla="*/ 6254408 h 6857968"/>
              <a:gd name="connsiteX530" fmla="*/ 1125575 w 9497977"/>
              <a:gd name="connsiteY530" fmla="*/ 6254408 h 6857968"/>
              <a:gd name="connsiteX531" fmla="*/ 1125575 w 9497977"/>
              <a:gd name="connsiteY531" fmla="*/ 6183107 h 6857968"/>
              <a:gd name="connsiteX532" fmla="*/ 911663 w 9497977"/>
              <a:gd name="connsiteY532" fmla="*/ 6183107 h 6857968"/>
              <a:gd name="connsiteX533" fmla="*/ 911663 w 9497977"/>
              <a:gd name="connsiteY533" fmla="*/ 6254408 h 6857968"/>
              <a:gd name="connsiteX534" fmla="*/ 982964 w 9497977"/>
              <a:gd name="connsiteY534" fmla="*/ 6254408 h 6857968"/>
              <a:gd name="connsiteX535" fmla="*/ 982964 w 9497977"/>
              <a:gd name="connsiteY535" fmla="*/ 6183107 h 6857968"/>
              <a:gd name="connsiteX536" fmla="*/ 769001 w 9497977"/>
              <a:gd name="connsiteY536" fmla="*/ 6183107 h 6857968"/>
              <a:gd name="connsiteX537" fmla="*/ 769001 w 9497977"/>
              <a:gd name="connsiteY537" fmla="*/ 6254408 h 6857968"/>
              <a:gd name="connsiteX538" fmla="*/ 840299 w 9497977"/>
              <a:gd name="connsiteY538" fmla="*/ 6254408 h 6857968"/>
              <a:gd name="connsiteX539" fmla="*/ 840299 w 9497977"/>
              <a:gd name="connsiteY539" fmla="*/ 6183107 h 6857968"/>
              <a:gd name="connsiteX540" fmla="*/ 7329490 w 9497977"/>
              <a:gd name="connsiteY540" fmla="*/ 6040435 h 6857968"/>
              <a:gd name="connsiteX541" fmla="*/ 7329490 w 9497977"/>
              <a:gd name="connsiteY541" fmla="*/ 6111736 h 6857968"/>
              <a:gd name="connsiteX542" fmla="*/ 7400791 w 9497977"/>
              <a:gd name="connsiteY542" fmla="*/ 6111736 h 6857968"/>
              <a:gd name="connsiteX543" fmla="*/ 7400791 w 9497977"/>
              <a:gd name="connsiteY543" fmla="*/ 6040435 h 6857968"/>
              <a:gd name="connsiteX544" fmla="*/ 7186888 w 9497977"/>
              <a:gd name="connsiteY544" fmla="*/ 6040435 h 6857968"/>
              <a:gd name="connsiteX545" fmla="*/ 7186888 w 9497977"/>
              <a:gd name="connsiteY545" fmla="*/ 6111736 h 6857968"/>
              <a:gd name="connsiteX546" fmla="*/ 7258188 w 9497977"/>
              <a:gd name="connsiteY546" fmla="*/ 6111736 h 6857968"/>
              <a:gd name="connsiteX547" fmla="*/ 7258188 w 9497977"/>
              <a:gd name="connsiteY547" fmla="*/ 6040435 h 6857968"/>
              <a:gd name="connsiteX548" fmla="*/ 7044216 w 9497977"/>
              <a:gd name="connsiteY548" fmla="*/ 6040435 h 6857968"/>
              <a:gd name="connsiteX549" fmla="*/ 7044216 w 9497977"/>
              <a:gd name="connsiteY549" fmla="*/ 6111736 h 6857968"/>
              <a:gd name="connsiteX550" fmla="*/ 7115517 w 9497977"/>
              <a:gd name="connsiteY550" fmla="*/ 6111736 h 6857968"/>
              <a:gd name="connsiteX551" fmla="*/ 7115517 w 9497977"/>
              <a:gd name="connsiteY551" fmla="*/ 6040435 h 6857968"/>
              <a:gd name="connsiteX552" fmla="*/ 6901543 w 9497977"/>
              <a:gd name="connsiteY552" fmla="*/ 6040435 h 6857968"/>
              <a:gd name="connsiteX553" fmla="*/ 6901543 w 9497977"/>
              <a:gd name="connsiteY553" fmla="*/ 6111736 h 6857968"/>
              <a:gd name="connsiteX554" fmla="*/ 6972844 w 9497977"/>
              <a:gd name="connsiteY554" fmla="*/ 6111736 h 6857968"/>
              <a:gd name="connsiteX555" fmla="*/ 6972844 w 9497977"/>
              <a:gd name="connsiteY555" fmla="*/ 6040435 h 6857968"/>
              <a:gd name="connsiteX556" fmla="*/ 6758942 w 9497977"/>
              <a:gd name="connsiteY556" fmla="*/ 6040435 h 6857968"/>
              <a:gd name="connsiteX557" fmla="*/ 6758942 w 9497977"/>
              <a:gd name="connsiteY557" fmla="*/ 6111736 h 6857968"/>
              <a:gd name="connsiteX558" fmla="*/ 6830242 w 9497977"/>
              <a:gd name="connsiteY558" fmla="*/ 6111736 h 6857968"/>
              <a:gd name="connsiteX559" fmla="*/ 6830242 w 9497977"/>
              <a:gd name="connsiteY559" fmla="*/ 6040435 h 6857968"/>
              <a:gd name="connsiteX560" fmla="*/ 6616269 w 9497977"/>
              <a:gd name="connsiteY560" fmla="*/ 6040435 h 6857968"/>
              <a:gd name="connsiteX561" fmla="*/ 6616269 w 9497977"/>
              <a:gd name="connsiteY561" fmla="*/ 6111736 h 6857968"/>
              <a:gd name="connsiteX562" fmla="*/ 6687570 w 9497977"/>
              <a:gd name="connsiteY562" fmla="*/ 6111736 h 6857968"/>
              <a:gd name="connsiteX563" fmla="*/ 6687570 w 9497977"/>
              <a:gd name="connsiteY563" fmla="*/ 6040435 h 6857968"/>
              <a:gd name="connsiteX564" fmla="*/ 6473667 w 9497977"/>
              <a:gd name="connsiteY564" fmla="*/ 6040435 h 6857968"/>
              <a:gd name="connsiteX565" fmla="*/ 6473667 w 9497977"/>
              <a:gd name="connsiteY565" fmla="*/ 6111736 h 6857968"/>
              <a:gd name="connsiteX566" fmla="*/ 6544968 w 9497977"/>
              <a:gd name="connsiteY566" fmla="*/ 6111736 h 6857968"/>
              <a:gd name="connsiteX567" fmla="*/ 6544968 w 9497977"/>
              <a:gd name="connsiteY567" fmla="*/ 6040435 h 6857968"/>
              <a:gd name="connsiteX568" fmla="*/ 6330995 w 9497977"/>
              <a:gd name="connsiteY568" fmla="*/ 6040435 h 6857968"/>
              <a:gd name="connsiteX569" fmla="*/ 6330995 w 9497977"/>
              <a:gd name="connsiteY569" fmla="*/ 6111736 h 6857968"/>
              <a:gd name="connsiteX570" fmla="*/ 6402296 w 9497977"/>
              <a:gd name="connsiteY570" fmla="*/ 6111736 h 6857968"/>
              <a:gd name="connsiteX571" fmla="*/ 6402296 w 9497977"/>
              <a:gd name="connsiteY571" fmla="*/ 6040435 h 6857968"/>
              <a:gd name="connsiteX572" fmla="*/ 6188393 w 9497977"/>
              <a:gd name="connsiteY572" fmla="*/ 6040435 h 6857968"/>
              <a:gd name="connsiteX573" fmla="*/ 6188393 w 9497977"/>
              <a:gd name="connsiteY573" fmla="*/ 6111736 h 6857968"/>
              <a:gd name="connsiteX574" fmla="*/ 6259694 w 9497977"/>
              <a:gd name="connsiteY574" fmla="*/ 6111736 h 6857968"/>
              <a:gd name="connsiteX575" fmla="*/ 6259694 w 9497977"/>
              <a:gd name="connsiteY575" fmla="*/ 6040435 h 6857968"/>
              <a:gd name="connsiteX576" fmla="*/ 6045721 w 9497977"/>
              <a:gd name="connsiteY576" fmla="*/ 6040435 h 6857968"/>
              <a:gd name="connsiteX577" fmla="*/ 6045721 w 9497977"/>
              <a:gd name="connsiteY577" fmla="*/ 6111736 h 6857968"/>
              <a:gd name="connsiteX578" fmla="*/ 6117021 w 9497977"/>
              <a:gd name="connsiteY578" fmla="*/ 6111736 h 6857968"/>
              <a:gd name="connsiteX579" fmla="*/ 6117021 w 9497977"/>
              <a:gd name="connsiteY579" fmla="*/ 6040435 h 6857968"/>
              <a:gd name="connsiteX580" fmla="*/ 5903048 w 9497977"/>
              <a:gd name="connsiteY580" fmla="*/ 6040435 h 6857968"/>
              <a:gd name="connsiteX581" fmla="*/ 5903048 w 9497977"/>
              <a:gd name="connsiteY581" fmla="*/ 6111736 h 6857968"/>
              <a:gd name="connsiteX582" fmla="*/ 5974349 w 9497977"/>
              <a:gd name="connsiteY582" fmla="*/ 6111736 h 6857968"/>
              <a:gd name="connsiteX583" fmla="*/ 5974349 w 9497977"/>
              <a:gd name="connsiteY583" fmla="*/ 6040435 h 6857968"/>
              <a:gd name="connsiteX584" fmla="*/ 5760447 w 9497977"/>
              <a:gd name="connsiteY584" fmla="*/ 6040435 h 6857968"/>
              <a:gd name="connsiteX585" fmla="*/ 5760447 w 9497977"/>
              <a:gd name="connsiteY585" fmla="*/ 6111736 h 6857968"/>
              <a:gd name="connsiteX586" fmla="*/ 5831748 w 9497977"/>
              <a:gd name="connsiteY586" fmla="*/ 6111736 h 6857968"/>
              <a:gd name="connsiteX587" fmla="*/ 5831748 w 9497977"/>
              <a:gd name="connsiteY587" fmla="*/ 6040435 h 6857968"/>
              <a:gd name="connsiteX588" fmla="*/ 5617774 w 9497977"/>
              <a:gd name="connsiteY588" fmla="*/ 6040435 h 6857968"/>
              <a:gd name="connsiteX589" fmla="*/ 5617774 w 9497977"/>
              <a:gd name="connsiteY589" fmla="*/ 6111736 h 6857968"/>
              <a:gd name="connsiteX590" fmla="*/ 5689075 w 9497977"/>
              <a:gd name="connsiteY590" fmla="*/ 6111736 h 6857968"/>
              <a:gd name="connsiteX591" fmla="*/ 5689075 w 9497977"/>
              <a:gd name="connsiteY591" fmla="*/ 6040435 h 6857968"/>
              <a:gd name="connsiteX592" fmla="*/ 5475173 w 9497977"/>
              <a:gd name="connsiteY592" fmla="*/ 6040435 h 6857968"/>
              <a:gd name="connsiteX593" fmla="*/ 5475173 w 9497977"/>
              <a:gd name="connsiteY593" fmla="*/ 6111736 h 6857968"/>
              <a:gd name="connsiteX594" fmla="*/ 5546474 w 9497977"/>
              <a:gd name="connsiteY594" fmla="*/ 6111736 h 6857968"/>
              <a:gd name="connsiteX595" fmla="*/ 5546474 w 9497977"/>
              <a:gd name="connsiteY595" fmla="*/ 6040435 h 6857968"/>
              <a:gd name="connsiteX596" fmla="*/ 5332500 w 9497977"/>
              <a:gd name="connsiteY596" fmla="*/ 6040435 h 6857968"/>
              <a:gd name="connsiteX597" fmla="*/ 5332500 w 9497977"/>
              <a:gd name="connsiteY597" fmla="*/ 6111736 h 6857968"/>
              <a:gd name="connsiteX598" fmla="*/ 5403801 w 9497977"/>
              <a:gd name="connsiteY598" fmla="*/ 6111736 h 6857968"/>
              <a:gd name="connsiteX599" fmla="*/ 5403801 w 9497977"/>
              <a:gd name="connsiteY599" fmla="*/ 6040435 h 6857968"/>
              <a:gd name="connsiteX600" fmla="*/ 5189828 w 9497977"/>
              <a:gd name="connsiteY600" fmla="*/ 6040435 h 6857968"/>
              <a:gd name="connsiteX601" fmla="*/ 5189828 w 9497977"/>
              <a:gd name="connsiteY601" fmla="*/ 6111736 h 6857968"/>
              <a:gd name="connsiteX602" fmla="*/ 5261129 w 9497977"/>
              <a:gd name="connsiteY602" fmla="*/ 6111736 h 6857968"/>
              <a:gd name="connsiteX603" fmla="*/ 5261129 w 9497977"/>
              <a:gd name="connsiteY603" fmla="*/ 6040435 h 6857968"/>
              <a:gd name="connsiteX604" fmla="*/ 5047226 w 9497977"/>
              <a:gd name="connsiteY604" fmla="*/ 6040435 h 6857968"/>
              <a:gd name="connsiteX605" fmla="*/ 5047226 w 9497977"/>
              <a:gd name="connsiteY605" fmla="*/ 6111736 h 6857968"/>
              <a:gd name="connsiteX606" fmla="*/ 5118527 w 9497977"/>
              <a:gd name="connsiteY606" fmla="*/ 6111736 h 6857968"/>
              <a:gd name="connsiteX607" fmla="*/ 5118527 w 9497977"/>
              <a:gd name="connsiteY607" fmla="*/ 6040435 h 6857968"/>
              <a:gd name="connsiteX608" fmla="*/ 4904553 w 9497977"/>
              <a:gd name="connsiteY608" fmla="*/ 6040435 h 6857968"/>
              <a:gd name="connsiteX609" fmla="*/ 4904553 w 9497977"/>
              <a:gd name="connsiteY609" fmla="*/ 6111736 h 6857968"/>
              <a:gd name="connsiteX610" fmla="*/ 4975854 w 9497977"/>
              <a:gd name="connsiteY610" fmla="*/ 6111736 h 6857968"/>
              <a:gd name="connsiteX611" fmla="*/ 4975854 w 9497977"/>
              <a:gd name="connsiteY611" fmla="*/ 6040435 h 6857968"/>
              <a:gd name="connsiteX612" fmla="*/ 4761952 w 9497977"/>
              <a:gd name="connsiteY612" fmla="*/ 6040435 h 6857968"/>
              <a:gd name="connsiteX613" fmla="*/ 4761952 w 9497977"/>
              <a:gd name="connsiteY613" fmla="*/ 6111736 h 6857968"/>
              <a:gd name="connsiteX614" fmla="*/ 4833253 w 9497977"/>
              <a:gd name="connsiteY614" fmla="*/ 6111736 h 6857968"/>
              <a:gd name="connsiteX615" fmla="*/ 4833253 w 9497977"/>
              <a:gd name="connsiteY615" fmla="*/ 6040435 h 6857968"/>
              <a:gd name="connsiteX616" fmla="*/ 4619279 w 9497977"/>
              <a:gd name="connsiteY616" fmla="*/ 6040435 h 6857968"/>
              <a:gd name="connsiteX617" fmla="*/ 4619279 w 9497977"/>
              <a:gd name="connsiteY617" fmla="*/ 6111736 h 6857968"/>
              <a:gd name="connsiteX618" fmla="*/ 4690580 w 9497977"/>
              <a:gd name="connsiteY618" fmla="*/ 6111736 h 6857968"/>
              <a:gd name="connsiteX619" fmla="*/ 4690580 w 9497977"/>
              <a:gd name="connsiteY619" fmla="*/ 6040435 h 6857968"/>
              <a:gd name="connsiteX620" fmla="*/ 4476678 w 9497977"/>
              <a:gd name="connsiteY620" fmla="*/ 6040435 h 6857968"/>
              <a:gd name="connsiteX621" fmla="*/ 4476678 w 9497977"/>
              <a:gd name="connsiteY621" fmla="*/ 6111736 h 6857968"/>
              <a:gd name="connsiteX622" fmla="*/ 4547979 w 9497977"/>
              <a:gd name="connsiteY622" fmla="*/ 6111736 h 6857968"/>
              <a:gd name="connsiteX623" fmla="*/ 4547979 w 9497977"/>
              <a:gd name="connsiteY623" fmla="*/ 6040435 h 6857968"/>
              <a:gd name="connsiteX624" fmla="*/ 4334005 w 9497977"/>
              <a:gd name="connsiteY624" fmla="*/ 6040435 h 6857968"/>
              <a:gd name="connsiteX625" fmla="*/ 4334005 w 9497977"/>
              <a:gd name="connsiteY625" fmla="*/ 6111736 h 6857968"/>
              <a:gd name="connsiteX626" fmla="*/ 4405306 w 9497977"/>
              <a:gd name="connsiteY626" fmla="*/ 6111736 h 6857968"/>
              <a:gd name="connsiteX627" fmla="*/ 4405306 w 9497977"/>
              <a:gd name="connsiteY627" fmla="*/ 6040435 h 6857968"/>
              <a:gd name="connsiteX628" fmla="*/ 4191404 w 9497977"/>
              <a:gd name="connsiteY628" fmla="*/ 6040435 h 6857968"/>
              <a:gd name="connsiteX629" fmla="*/ 4191404 w 9497977"/>
              <a:gd name="connsiteY629" fmla="*/ 6111736 h 6857968"/>
              <a:gd name="connsiteX630" fmla="*/ 4262705 w 9497977"/>
              <a:gd name="connsiteY630" fmla="*/ 6111736 h 6857968"/>
              <a:gd name="connsiteX631" fmla="*/ 4262705 w 9497977"/>
              <a:gd name="connsiteY631" fmla="*/ 6040435 h 6857968"/>
              <a:gd name="connsiteX632" fmla="*/ 4048731 w 9497977"/>
              <a:gd name="connsiteY632" fmla="*/ 6040435 h 6857968"/>
              <a:gd name="connsiteX633" fmla="*/ 4048731 w 9497977"/>
              <a:gd name="connsiteY633" fmla="*/ 6111736 h 6857968"/>
              <a:gd name="connsiteX634" fmla="*/ 4120032 w 9497977"/>
              <a:gd name="connsiteY634" fmla="*/ 6111736 h 6857968"/>
              <a:gd name="connsiteX635" fmla="*/ 4120032 w 9497977"/>
              <a:gd name="connsiteY635" fmla="*/ 6040435 h 6857968"/>
              <a:gd name="connsiteX636" fmla="*/ 3906059 w 9497977"/>
              <a:gd name="connsiteY636" fmla="*/ 6040435 h 6857968"/>
              <a:gd name="connsiteX637" fmla="*/ 3906059 w 9497977"/>
              <a:gd name="connsiteY637" fmla="*/ 6111736 h 6857968"/>
              <a:gd name="connsiteX638" fmla="*/ 3977360 w 9497977"/>
              <a:gd name="connsiteY638" fmla="*/ 6111736 h 6857968"/>
              <a:gd name="connsiteX639" fmla="*/ 3977360 w 9497977"/>
              <a:gd name="connsiteY639" fmla="*/ 6040435 h 6857968"/>
              <a:gd name="connsiteX640" fmla="*/ 3763457 w 9497977"/>
              <a:gd name="connsiteY640" fmla="*/ 6040435 h 6857968"/>
              <a:gd name="connsiteX641" fmla="*/ 3763457 w 9497977"/>
              <a:gd name="connsiteY641" fmla="*/ 6111736 h 6857968"/>
              <a:gd name="connsiteX642" fmla="*/ 3834758 w 9497977"/>
              <a:gd name="connsiteY642" fmla="*/ 6111736 h 6857968"/>
              <a:gd name="connsiteX643" fmla="*/ 3834758 w 9497977"/>
              <a:gd name="connsiteY643" fmla="*/ 6040435 h 6857968"/>
              <a:gd name="connsiteX644" fmla="*/ 3620784 w 9497977"/>
              <a:gd name="connsiteY644" fmla="*/ 6040435 h 6857968"/>
              <a:gd name="connsiteX645" fmla="*/ 3620784 w 9497977"/>
              <a:gd name="connsiteY645" fmla="*/ 6111736 h 6857968"/>
              <a:gd name="connsiteX646" fmla="*/ 3692085 w 9497977"/>
              <a:gd name="connsiteY646" fmla="*/ 6111736 h 6857968"/>
              <a:gd name="connsiteX647" fmla="*/ 3692085 w 9497977"/>
              <a:gd name="connsiteY647" fmla="*/ 6040435 h 6857968"/>
              <a:gd name="connsiteX648" fmla="*/ 3478184 w 9497977"/>
              <a:gd name="connsiteY648" fmla="*/ 6040435 h 6857968"/>
              <a:gd name="connsiteX649" fmla="*/ 3478184 w 9497977"/>
              <a:gd name="connsiteY649" fmla="*/ 6111736 h 6857968"/>
              <a:gd name="connsiteX650" fmla="*/ 3549484 w 9497977"/>
              <a:gd name="connsiteY650" fmla="*/ 6111736 h 6857968"/>
              <a:gd name="connsiteX651" fmla="*/ 3549484 w 9497977"/>
              <a:gd name="connsiteY651" fmla="*/ 6040435 h 6857968"/>
              <a:gd name="connsiteX652" fmla="*/ 3335511 w 9497977"/>
              <a:gd name="connsiteY652" fmla="*/ 6040435 h 6857968"/>
              <a:gd name="connsiteX653" fmla="*/ 3335511 w 9497977"/>
              <a:gd name="connsiteY653" fmla="*/ 6111736 h 6857968"/>
              <a:gd name="connsiteX654" fmla="*/ 3406811 w 9497977"/>
              <a:gd name="connsiteY654" fmla="*/ 6111736 h 6857968"/>
              <a:gd name="connsiteX655" fmla="*/ 3406811 w 9497977"/>
              <a:gd name="connsiteY655" fmla="*/ 6040435 h 6857968"/>
              <a:gd name="connsiteX656" fmla="*/ 3192839 w 9497977"/>
              <a:gd name="connsiteY656" fmla="*/ 6040435 h 6857968"/>
              <a:gd name="connsiteX657" fmla="*/ 3192839 w 9497977"/>
              <a:gd name="connsiteY657" fmla="*/ 6111736 h 6857968"/>
              <a:gd name="connsiteX658" fmla="*/ 3264139 w 9497977"/>
              <a:gd name="connsiteY658" fmla="*/ 6111736 h 6857968"/>
              <a:gd name="connsiteX659" fmla="*/ 3264139 w 9497977"/>
              <a:gd name="connsiteY659" fmla="*/ 6040435 h 6857968"/>
              <a:gd name="connsiteX660" fmla="*/ 3050237 w 9497977"/>
              <a:gd name="connsiteY660" fmla="*/ 6040435 h 6857968"/>
              <a:gd name="connsiteX661" fmla="*/ 3050237 w 9497977"/>
              <a:gd name="connsiteY661" fmla="*/ 6111736 h 6857968"/>
              <a:gd name="connsiteX662" fmla="*/ 3121537 w 9497977"/>
              <a:gd name="connsiteY662" fmla="*/ 6111736 h 6857968"/>
              <a:gd name="connsiteX663" fmla="*/ 3121537 w 9497977"/>
              <a:gd name="connsiteY663" fmla="*/ 6040435 h 6857968"/>
              <a:gd name="connsiteX664" fmla="*/ 2907564 w 9497977"/>
              <a:gd name="connsiteY664" fmla="*/ 6040435 h 6857968"/>
              <a:gd name="connsiteX665" fmla="*/ 2907564 w 9497977"/>
              <a:gd name="connsiteY665" fmla="*/ 6111736 h 6857968"/>
              <a:gd name="connsiteX666" fmla="*/ 2978865 w 9497977"/>
              <a:gd name="connsiteY666" fmla="*/ 6111736 h 6857968"/>
              <a:gd name="connsiteX667" fmla="*/ 2978865 w 9497977"/>
              <a:gd name="connsiteY667" fmla="*/ 6040435 h 6857968"/>
              <a:gd name="connsiteX668" fmla="*/ 2764962 w 9497977"/>
              <a:gd name="connsiteY668" fmla="*/ 6040435 h 6857968"/>
              <a:gd name="connsiteX669" fmla="*/ 2764962 w 9497977"/>
              <a:gd name="connsiteY669" fmla="*/ 6111736 h 6857968"/>
              <a:gd name="connsiteX670" fmla="*/ 2836263 w 9497977"/>
              <a:gd name="connsiteY670" fmla="*/ 6111736 h 6857968"/>
              <a:gd name="connsiteX671" fmla="*/ 2836263 w 9497977"/>
              <a:gd name="connsiteY671" fmla="*/ 6040435 h 6857968"/>
              <a:gd name="connsiteX672" fmla="*/ 2622291 w 9497977"/>
              <a:gd name="connsiteY672" fmla="*/ 6040435 h 6857968"/>
              <a:gd name="connsiteX673" fmla="*/ 2622291 w 9497977"/>
              <a:gd name="connsiteY673" fmla="*/ 6111736 h 6857968"/>
              <a:gd name="connsiteX674" fmla="*/ 2693591 w 9497977"/>
              <a:gd name="connsiteY674" fmla="*/ 6111736 h 6857968"/>
              <a:gd name="connsiteX675" fmla="*/ 2693591 w 9497977"/>
              <a:gd name="connsiteY675" fmla="*/ 6040435 h 6857968"/>
              <a:gd name="connsiteX676" fmla="*/ 2479688 w 9497977"/>
              <a:gd name="connsiteY676" fmla="*/ 6040435 h 6857968"/>
              <a:gd name="connsiteX677" fmla="*/ 2479688 w 9497977"/>
              <a:gd name="connsiteY677" fmla="*/ 6111736 h 6857968"/>
              <a:gd name="connsiteX678" fmla="*/ 2550990 w 9497977"/>
              <a:gd name="connsiteY678" fmla="*/ 6111736 h 6857968"/>
              <a:gd name="connsiteX679" fmla="*/ 2550990 w 9497977"/>
              <a:gd name="connsiteY679" fmla="*/ 6040435 h 6857968"/>
              <a:gd name="connsiteX680" fmla="*/ 2337016 w 9497977"/>
              <a:gd name="connsiteY680" fmla="*/ 6040435 h 6857968"/>
              <a:gd name="connsiteX681" fmla="*/ 2337016 w 9497977"/>
              <a:gd name="connsiteY681" fmla="*/ 6111736 h 6857968"/>
              <a:gd name="connsiteX682" fmla="*/ 2408317 w 9497977"/>
              <a:gd name="connsiteY682" fmla="*/ 6111736 h 6857968"/>
              <a:gd name="connsiteX683" fmla="*/ 2408317 w 9497977"/>
              <a:gd name="connsiteY683" fmla="*/ 6040435 h 6857968"/>
              <a:gd name="connsiteX684" fmla="*/ 2195429 w 9497977"/>
              <a:gd name="connsiteY684" fmla="*/ 6040435 h 6857968"/>
              <a:gd name="connsiteX685" fmla="*/ 2195429 w 9497977"/>
              <a:gd name="connsiteY685" fmla="*/ 6111736 h 6857968"/>
              <a:gd name="connsiteX686" fmla="*/ 2266731 w 9497977"/>
              <a:gd name="connsiteY686" fmla="*/ 6111736 h 6857968"/>
              <a:gd name="connsiteX687" fmla="*/ 2266731 w 9497977"/>
              <a:gd name="connsiteY687" fmla="*/ 6040435 h 6857968"/>
              <a:gd name="connsiteX688" fmla="*/ 2052828 w 9497977"/>
              <a:gd name="connsiteY688" fmla="*/ 6040435 h 6857968"/>
              <a:gd name="connsiteX689" fmla="*/ 2052828 w 9497977"/>
              <a:gd name="connsiteY689" fmla="*/ 6111736 h 6857968"/>
              <a:gd name="connsiteX690" fmla="*/ 2124128 w 9497977"/>
              <a:gd name="connsiteY690" fmla="*/ 6111736 h 6857968"/>
              <a:gd name="connsiteX691" fmla="*/ 2124128 w 9497977"/>
              <a:gd name="connsiteY691" fmla="*/ 6040435 h 6857968"/>
              <a:gd name="connsiteX692" fmla="*/ 1910155 w 9497977"/>
              <a:gd name="connsiteY692" fmla="*/ 6040435 h 6857968"/>
              <a:gd name="connsiteX693" fmla="*/ 1910155 w 9497977"/>
              <a:gd name="connsiteY693" fmla="*/ 6111736 h 6857968"/>
              <a:gd name="connsiteX694" fmla="*/ 1981455 w 9497977"/>
              <a:gd name="connsiteY694" fmla="*/ 6111736 h 6857968"/>
              <a:gd name="connsiteX695" fmla="*/ 1981455 w 9497977"/>
              <a:gd name="connsiteY695" fmla="*/ 6040435 h 6857968"/>
              <a:gd name="connsiteX696" fmla="*/ 1767483 w 9497977"/>
              <a:gd name="connsiteY696" fmla="*/ 6040435 h 6857968"/>
              <a:gd name="connsiteX697" fmla="*/ 1767483 w 9497977"/>
              <a:gd name="connsiteY697" fmla="*/ 6111736 h 6857968"/>
              <a:gd name="connsiteX698" fmla="*/ 1838783 w 9497977"/>
              <a:gd name="connsiteY698" fmla="*/ 6111736 h 6857968"/>
              <a:gd name="connsiteX699" fmla="*/ 1838783 w 9497977"/>
              <a:gd name="connsiteY699" fmla="*/ 6040435 h 6857968"/>
              <a:gd name="connsiteX700" fmla="*/ 1624882 w 9497977"/>
              <a:gd name="connsiteY700" fmla="*/ 6040435 h 6857968"/>
              <a:gd name="connsiteX701" fmla="*/ 1624882 w 9497977"/>
              <a:gd name="connsiteY701" fmla="*/ 6111736 h 6857968"/>
              <a:gd name="connsiteX702" fmla="*/ 1696183 w 9497977"/>
              <a:gd name="connsiteY702" fmla="*/ 6111736 h 6857968"/>
              <a:gd name="connsiteX703" fmla="*/ 1696183 w 9497977"/>
              <a:gd name="connsiteY703" fmla="*/ 6040435 h 6857968"/>
              <a:gd name="connsiteX704" fmla="*/ 1482218 w 9497977"/>
              <a:gd name="connsiteY704" fmla="*/ 6040435 h 6857968"/>
              <a:gd name="connsiteX705" fmla="*/ 1482218 w 9497977"/>
              <a:gd name="connsiteY705" fmla="*/ 6111736 h 6857968"/>
              <a:gd name="connsiteX706" fmla="*/ 1553511 w 9497977"/>
              <a:gd name="connsiteY706" fmla="*/ 6111736 h 6857968"/>
              <a:gd name="connsiteX707" fmla="*/ 1553511 w 9497977"/>
              <a:gd name="connsiteY707" fmla="*/ 6040435 h 6857968"/>
              <a:gd name="connsiteX708" fmla="*/ 1339621 w 9497977"/>
              <a:gd name="connsiteY708" fmla="*/ 6040435 h 6857968"/>
              <a:gd name="connsiteX709" fmla="*/ 1339621 w 9497977"/>
              <a:gd name="connsiteY709" fmla="*/ 6111736 h 6857968"/>
              <a:gd name="connsiteX710" fmla="*/ 1410920 w 9497977"/>
              <a:gd name="connsiteY710" fmla="*/ 6111736 h 6857968"/>
              <a:gd name="connsiteX711" fmla="*/ 1410920 w 9497977"/>
              <a:gd name="connsiteY711" fmla="*/ 6040435 h 6857968"/>
              <a:gd name="connsiteX712" fmla="*/ 1196948 w 9497977"/>
              <a:gd name="connsiteY712" fmla="*/ 6040435 h 6857968"/>
              <a:gd name="connsiteX713" fmla="*/ 1196948 w 9497977"/>
              <a:gd name="connsiteY713" fmla="*/ 6111736 h 6857968"/>
              <a:gd name="connsiteX714" fmla="*/ 1268245 w 9497977"/>
              <a:gd name="connsiteY714" fmla="*/ 6111736 h 6857968"/>
              <a:gd name="connsiteX715" fmla="*/ 1268245 w 9497977"/>
              <a:gd name="connsiteY715" fmla="*/ 6040435 h 6857968"/>
              <a:gd name="connsiteX716" fmla="*/ 1054277 w 9497977"/>
              <a:gd name="connsiteY716" fmla="*/ 6040435 h 6857968"/>
              <a:gd name="connsiteX717" fmla="*/ 1054277 w 9497977"/>
              <a:gd name="connsiteY717" fmla="*/ 6111736 h 6857968"/>
              <a:gd name="connsiteX718" fmla="*/ 1125575 w 9497977"/>
              <a:gd name="connsiteY718" fmla="*/ 6111736 h 6857968"/>
              <a:gd name="connsiteX719" fmla="*/ 1125575 w 9497977"/>
              <a:gd name="connsiteY719" fmla="*/ 6040435 h 6857968"/>
              <a:gd name="connsiteX720" fmla="*/ 911663 w 9497977"/>
              <a:gd name="connsiteY720" fmla="*/ 6040435 h 6857968"/>
              <a:gd name="connsiteX721" fmla="*/ 911663 w 9497977"/>
              <a:gd name="connsiteY721" fmla="*/ 6111736 h 6857968"/>
              <a:gd name="connsiteX722" fmla="*/ 982964 w 9497977"/>
              <a:gd name="connsiteY722" fmla="*/ 6111736 h 6857968"/>
              <a:gd name="connsiteX723" fmla="*/ 982964 w 9497977"/>
              <a:gd name="connsiteY723" fmla="*/ 6040435 h 6857968"/>
              <a:gd name="connsiteX724" fmla="*/ 6857645 w 9497977"/>
              <a:gd name="connsiteY724" fmla="*/ 0 h 6857968"/>
              <a:gd name="connsiteX725" fmla="*/ 9497977 w 9497977"/>
              <a:gd name="connsiteY725" fmla="*/ 0 h 6857968"/>
              <a:gd name="connsiteX726" fmla="*/ 9497977 w 9497977"/>
              <a:gd name="connsiteY726" fmla="*/ 6857968 h 6857968"/>
              <a:gd name="connsiteX727" fmla="*/ 0 w 9497977"/>
              <a:gd name="connsiteY727" fmla="*/ 6857968 h 6857968"/>
              <a:gd name="connsiteX728" fmla="*/ 341118 w 9497977"/>
              <a:gd name="connsiteY728" fmla="*/ 6516838 h 6857968"/>
              <a:gd name="connsiteX729" fmla="*/ 341118 w 9497977"/>
              <a:gd name="connsiteY729" fmla="*/ 6545648 h 6857968"/>
              <a:gd name="connsiteX730" fmla="*/ 412416 w 9497977"/>
              <a:gd name="connsiteY730" fmla="*/ 6545648 h 6857968"/>
              <a:gd name="connsiteX731" fmla="*/ 412416 w 9497977"/>
              <a:gd name="connsiteY731" fmla="*/ 6474347 h 6857968"/>
              <a:gd name="connsiteX732" fmla="*/ 383607 w 9497977"/>
              <a:gd name="connsiteY732" fmla="*/ 6474347 h 6857968"/>
              <a:gd name="connsiteX733" fmla="*/ 483718 w 9497977"/>
              <a:gd name="connsiteY733" fmla="*/ 6374231 h 6857968"/>
              <a:gd name="connsiteX734" fmla="*/ 483718 w 9497977"/>
              <a:gd name="connsiteY734" fmla="*/ 6397010 h 6857968"/>
              <a:gd name="connsiteX735" fmla="*/ 555020 w 9497977"/>
              <a:gd name="connsiteY735" fmla="*/ 6397010 h 6857968"/>
              <a:gd name="connsiteX736" fmla="*/ 555020 w 9497977"/>
              <a:gd name="connsiteY736" fmla="*/ 6325709 h 6857968"/>
              <a:gd name="connsiteX737" fmla="*/ 532239 w 9497977"/>
              <a:gd name="connsiteY737" fmla="*/ 6325709 h 6857968"/>
              <a:gd name="connsiteX738" fmla="*/ 626392 w 9497977"/>
              <a:gd name="connsiteY738" fmla="*/ 6231552 h 6857968"/>
              <a:gd name="connsiteX739" fmla="*/ 626392 w 9497977"/>
              <a:gd name="connsiteY739" fmla="*/ 6254408 h 6857968"/>
              <a:gd name="connsiteX740" fmla="*/ 697691 w 9497977"/>
              <a:gd name="connsiteY740" fmla="*/ 6254408 h 6857968"/>
              <a:gd name="connsiteX741" fmla="*/ 697691 w 9497977"/>
              <a:gd name="connsiteY741" fmla="*/ 6183107 h 6857968"/>
              <a:gd name="connsiteX742" fmla="*/ 674833 w 9497977"/>
              <a:gd name="connsiteY742" fmla="*/ 6183107 h 6857968"/>
              <a:gd name="connsiteX743" fmla="*/ 769001 w 9497977"/>
              <a:gd name="connsiteY743" fmla="*/ 6088935 h 6857968"/>
              <a:gd name="connsiteX744" fmla="*/ 769001 w 9497977"/>
              <a:gd name="connsiteY744" fmla="*/ 6111736 h 6857968"/>
              <a:gd name="connsiteX745" fmla="*/ 840303 w 9497977"/>
              <a:gd name="connsiteY745" fmla="*/ 6111736 h 6857968"/>
              <a:gd name="connsiteX746" fmla="*/ 840303 w 9497977"/>
              <a:gd name="connsiteY746" fmla="*/ 6040435 h 6857968"/>
              <a:gd name="connsiteX747" fmla="*/ 817496 w 9497977"/>
              <a:gd name="connsiteY747" fmla="*/ 6040435 h 68579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Lst>
            <a:rect l="l" t="t" r="r" b="b"/>
            <a:pathLst>
              <a:path w="9497977" h="6857968">
                <a:moveTo>
                  <a:pt x="6330995" y="6474347"/>
                </a:moveTo>
                <a:lnTo>
                  <a:pt x="6330995" y="6545648"/>
                </a:lnTo>
                <a:lnTo>
                  <a:pt x="6402296" y="6545648"/>
                </a:lnTo>
                <a:lnTo>
                  <a:pt x="6402296" y="6474347"/>
                </a:lnTo>
                <a:close/>
                <a:moveTo>
                  <a:pt x="6188393" y="6474347"/>
                </a:moveTo>
                <a:lnTo>
                  <a:pt x="6188393" y="6545648"/>
                </a:lnTo>
                <a:lnTo>
                  <a:pt x="6259694" y="6545648"/>
                </a:lnTo>
                <a:lnTo>
                  <a:pt x="6259694" y="6474347"/>
                </a:lnTo>
                <a:close/>
                <a:moveTo>
                  <a:pt x="6045721" y="6474347"/>
                </a:moveTo>
                <a:lnTo>
                  <a:pt x="6045721" y="6545648"/>
                </a:lnTo>
                <a:lnTo>
                  <a:pt x="6117021" y="6545648"/>
                </a:lnTo>
                <a:lnTo>
                  <a:pt x="6117021" y="6474347"/>
                </a:lnTo>
                <a:close/>
                <a:moveTo>
                  <a:pt x="5903048" y="6474347"/>
                </a:moveTo>
                <a:lnTo>
                  <a:pt x="5903048" y="6545648"/>
                </a:lnTo>
                <a:lnTo>
                  <a:pt x="5974349" y="6545648"/>
                </a:lnTo>
                <a:lnTo>
                  <a:pt x="5974349" y="6474347"/>
                </a:lnTo>
                <a:close/>
                <a:moveTo>
                  <a:pt x="5760447" y="6474347"/>
                </a:moveTo>
                <a:lnTo>
                  <a:pt x="5760447" y="6545648"/>
                </a:lnTo>
                <a:lnTo>
                  <a:pt x="5831748" y="6545648"/>
                </a:lnTo>
                <a:lnTo>
                  <a:pt x="5831748" y="6474347"/>
                </a:lnTo>
                <a:close/>
                <a:moveTo>
                  <a:pt x="5617774" y="6474347"/>
                </a:moveTo>
                <a:lnTo>
                  <a:pt x="5617774" y="6545648"/>
                </a:lnTo>
                <a:lnTo>
                  <a:pt x="5689075" y="6545648"/>
                </a:lnTo>
                <a:lnTo>
                  <a:pt x="5689075" y="6474347"/>
                </a:lnTo>
                <a:close/>
                <a:moveTo>
                  <a:pt x="5475173" y="6474347"/>
                </a:moveTo>
                <a:lnTo>
                  <a:pt x="5475173" y="6545648"/>
                </a:lnTo>
                <a:lnTo>
                  <a:pt x="5546474" y="6545648"/>
                </a:lnTo>
                <a:lnTo>
                  <a:pt x="5546474" y="6474347"/>
                </a:lnTo>
                <a:close/>
                <a:moveTo>
                  <a:pt x="5332500" y="6474347"/>
                </a:moveTo>
                <a:lnTo>
                  <a:pt x="5332500" y="6545648"/>
                </a:lnTo>
                <a:lnTo>
                  <a:pt x="5403801" y="6545648"/>
                </a:lnTo>
                <a:lnTo>
                  <a:pt x="5403801" y="6474347"/>
                </a:lnTo>
                <a:close/>
                <a:moveTo>
                  <a:pt x="5189828" y="6474347"/>
                </a:moveTo>
                <a:lnTo>
                  <a:pt x="5189828" y="6545648"/>
                </a:lnTo>
                <a:lnTo>
                  <a:pt x="5261129" y="6545648"/>
                </a:lnTo>
                <a:lnTo>
                  <a:pt x="5261129" y="6474347"/>
                </a:lnTo>
                <a:close/>
                <a:moveTo>
                  <a:pt x="5047226" y="6474347"/>
                </a:moveTo>
                <a:lnTo>
                  <a:pt x="5047226" y="6545648"/>
                </a:lnTo>
                <a:lnTo>
                  <a:pt x="5118527" y="6545648"/>
                </a:lnTo>
                <a:lnTo>
                  <a:pt x="5118527" y="6474347"/>
                </a:lnTo>
                <a:close/>
                <a:moveTo>
                  <a:pt x="4904553" y="6474347"/>
                </a:moveTo>
                <a:lnTo>
                  <a:pt x="4904553" y="6545648"/>
                </a:lnTo>
                <a:lnTo>
                  <a:pt x="4975854" y="6545648"/>
                </a:lnTo>
                <a:lnTo>
                  <a:pt x="4975854" y="6474347"/>
                </a:lnTo>
                <a:close/>
                <a:moveTo>
                  <a:pt x="4761952" y="6474347"/>
                </a:moveTo>
                <a:lnTo>
                  <a:pt x="4761952" y="6545648"/>
                </a:lnTo>
                <a:lnTo>
                  <a:pt x="4833253" y="6545648"/>
                </a:lnTo>
                <a:lnTo>
                  <a:pt x="4833253" y="6474347"/>
                </a:lnTo>
                <a:close/>
                <a:moveTo>
                  <a:pt x="4619279" y="6474347"/>
                </a:moveTo>
                <a:lnTo>
                  <a:pt x="4619279" y="6545648"/>
                </a:lnTo>
                <a:lnTo>
                  <a:pt x="4690580" y="6545648"/>
                </a:lnTo>
                <a:lnTo>
                  <a:pt x="4690580" y="6474347"/>
                </a:lnTo>
                <a:close/>
                <a:moveTo>
                  <a:pt x="4476678" y="6474347"/>
                </a:moveTo>
                <a:lnTo>
                  <a:pt x="4476678" y="6545648"/>
                </a:lnTo>
                <a:lnTo>
                  <a:pt x="4547979" y="6545648"/>
                </a:lnTo>
                <a:lnTo>
                  <a:pt x="4547979" y="6474347"/>
                </a:lnTo>
                <a:close/>
                <a:moveTo>
                  <a:pt x="4334005" y="6474347"/>
                </a:moveTo>
                <a:lnTo>
                  <a:pt x="4334005" y="6545648"/>
                </a:lnTo>
                <a:lnTo>
                  <a:pt x="4405306" y="6545648"/>
                </a:lnTo>
                <a:lnTo>
                  <a:pt x="4405306" y="6474347"/>
                </a:lnTo>
                <a:close/>
                <a:moveTo>
                  <a:pt x="4191404" y="6474347"/>
                </a:moveTo>
                <a:lnTo>
                  <a:pt x="4191404" y="6545648"/>
                </a:lnTo>
                <a:lnTo>
                  <a:pt x="4262705" y="6545648"/>
                </a:lnTo>
                <a:lnTo>
                  <a:pt x="4262705" y="6474347"/>
                </a:lnTo>
                <a:close/>
                <a:moveTo>
                  <a:pt x="4048731" y="6474347"/>
                </a:moveTo>
                <a:lnTo>
                  <a:pt x="4048731" y="6545648"/>
                </a:lnTo>
                <a:lnTo>
                  <a:pt x="4120032" y="6545648"/>
                </a:lnTo>
                <a:lnTo>
                  <a:pt x="4120032" y="6474347"/>
                </a:lnTo>
                <a:close/>
                <a:moveTo>
                  <a:pt x="3906059" y="6474347"/>
                </a:moveTo>
                <a:lnTo>
                  <a:pt x="3906059" y="6545648"/>
                </a:lnTo>
                <a:lnTo>
                  <a:pt x="3977360" y="6545648"/>
                </a:lnTo>
                <a:lnTo>
                  <a:pt x="3977360" y="6474347"/>
                </a:lnTo>
                <a:close/>
                <a:moveTo>
                  <a:pt x="3763457" y="6474347"/>
                </a:moveTo>
                <a:lnTo>
                  <a:pt x="3763457" y="6545648"/>
                </a:lnTo>
                <a:lnTo>
                  <a:pt x="3834758" y="6545648"/>
                </a:lnTo>
                <a:lnTo>
                  <a:pt x="3834758" y="6474347"/>
                </a:lnTo>
                <a:close/>
                <a:moveTo>
                  <a:pt x="3620784" y="6474347"/>
                </a:moveTo>
                <a:lnTo>
                  <a:pt x="3620784" y="6545648"/>
                </a:lnTo>
                <a:lnTo>
                  <a:pt x="3692085" y="6545648"/>
                </a:lnTo>
                <a:lnTo>
                  <a:pt x="3692085" y="6474347"/>
                </a:lnTo>
                <a:close/>
                <a:moveTo>
                  <a:pt x="3478184" y="6474347"/>
                </a:moveTo>
                <a:lnTo>
                  <a:pt x="3478184" y="6545648"/>
                </a:lnTo>
                <a:lnTo>
                  <a:pt x="3549484" y="6545648"/>
                </a:lnTo>
                <a:lnTo>
                  <a:pt x="3549484" y="6474347"/>
                </a:lnTo>
                <a:close/>
                <a:moveTo>
                  <a:pt x="3335511" y="6474347"/>
                </a:moveTo>
                <a:lnTo>
                  <a:pt x="3335511" y="6545648"/>
                </a:lnTo>
                <a:lnTo>
                  <a:pt x="3406811" y="6545648"/>
                </a:lnTo>
                <a:lnTo>
                  <a:pt x="3406811" y="6474347"/>
                </a:lnTo>
                <a:close/>
                <a:moveTo>
                  <a:pt x="3192839" y="6474347"/>
                </a:moveTo>
                <a:lnTo>
                  <a:pt x="3192839" y="6545648"/>
                </a:lnTo>
                <a:lnTo>
                  <a:pt x="3264139" y="6545648"/>
                </a:lnTo>
                <a:lnTo>
                  <a:pt x="3264139" y="6474347"/>
                </a:lnTo>
                <a:close/>
                <a:moveTo>
                  <a:pt x="3050237" y="6474347"/>
                </a:moveTo>
                <a:lnTo>
                  <a:pt x="3050237" y="6545648"/>
                </a:lnTo>
                <a:lnTo>
                  <a:pt x="3121537" y="6545648"/>
                </a:lnTo>
                <a:lnTo>
                  <a:pt x="3121537" y="6474347"/>
                </a:lnTo>
                <a:close/>
                <a:moveTo>
                  <a:pt x="2907564" y="6474347"/>
                </a:moveTo>
                <a:lnTo>
                  <a:pt x="2907564" y="6545648"/>
                </a:lnTo>
                <a:lnTo>
                  <a:pt x="2978865" y="6545648"/>
                </a:lnTo>
                <a:lnTo>
                  <a:pt x="2978865" y="6474347"/>
                </a:lnTo>
                <a:close/>
                <a:moveTo>
                  <a:pt x="2764962" y="6474347"/>
                </a:moveTo>
                <a:lnTo>
                  <a:pt x="2764962" y="6545648"/>
                </a:lnTo>
                <a:lnTo>
                  <a:pt x="2836263" y="6545648"/>
                </a:lnTo>
                <a:lnTo>
                  <a:pt x="2836263" y="6474347"/>
                </a:lnTo>
                <a:close/>
                <a:moveTo>
                  <a:pt x="2622291" y="6474347"/>
                </a:moveTo>
                <a:lnTo>
                  <a:pt x="2622291" y="6545648"/>
                </a:lnTo>
                <a:lnTo>
                  <a:pt x="2693591" y="6545648"/>
                </a:lnTo>
                <a:lnTo>
                  <a:pt x="2693591" y="6474347"/>
                </a:lnTo>
                <a:close/>
                <a:moveTo>
                  <a:pt x="2479688" y="6474347"/>
                </a:moveTo>
                <a:lnTo>
                  <a:pt x="2479688" y="6545648"/>
                </a:lnTo>
                <a:lnTo>
                  <a:pt x="2550990" y="6545648"/>
                </a:lnTo>
                <a:lnTo>
                  <a:pt x="2550990" y="6474347"/>
                </a:lnTo>
                <a:close/>
                <a:moveTo>
                  <a:pt x="2337016" y="6474347"/>
                </a:moveTo>
                <a:lnTo>
                  <a:pt x="2337016" y="6545648"/>
                </a:lnTo>
                <a:lnTo>
                  <a:pt x="2408317" y="6545648"/>
                </a:lnTo>
                <a:lnTo>
                  <a:pt x="2408317" y="6474347"/>
                </a:lnTo>
                <a:close/>
                <a:moveTo>
                  <a:pt x="2195429" y="6474347"/>
                </a:moveTo>
                <a:lnTo>
                  <a:pt x="2195429" y="6545648"/>
                </a:lnTo>
                <a:lnTo>
                  <a:pt x="2266731" y="6545648"/>
                </a:lnTo>
                <a:lnTo>
                  <a:pt x="2266731" y="6474347"/>
                </a:lnTo>
                <a:close/>
                <a:moveTo>
                  <a:pt x="2052828" y="6474347"/>
                </a:moveTo>
                <a:lnTo>
                  <a:pt x="2052828" y="6545648"/>
                </a:lnTo>
                <a:lnTo>
                  <a:pt x="2124128" y="6545648"/>
                </a:lnTo>
                <a:lnTo>
                  <a:pt x="2124128" y="6474347"/>
                </a:lnTo>
                <a:close/>
                <a:moveTo>
                  <a:pt x="1910155" y="6474347"/>
                </a:moveTo>
                <a:lnTo>
                  <a:pt x="1910155" y="6545648"/>
                </a:lnTo>
                <a:lnTo>
                  <a:pt x="1981455" y="6545648"/>
                </a:lnTo>
                <a:lnTo>
                  <a:pt x="1981455" y="6474347"/>
                </a:lnTo>
                <a:close/>
                <a:moveTo>
                  <a:pt x="1767483" y="6474347"/>
                </a:moveTo>
                <a:lnTo>
                  <a:pt x="1767483" y="6545648"/>
                </a:lnTo>
                <a:lnTo>
                  <a:pt x="1838783" y="6545648"/>
                </a:lnTo>
                <a:lnTo>
                  <a:pt x="1838783" y="6474347"/>
                </a:lnTo>
                <a:close/>
                <a:moveTo>
                  <a:pt x="1624882" y="6474347"/>
                </a:moveTo>
                <a:lnTo>
                  <a:pt x="1624882" y="6545648"/>
                </a:lnTo>
                <a:lnTo>
                  <a:pt x="1696183" y="6545648"/>
                </a:lnTo>
                <a:lnTo>
                  <a:pt x="1696183" y="6474347"/>
                </a:lnTo>
                <a:close/>
                <a:moveTo>
                  <a:pt x="1482215" y="6474347"/>
                </a:moveTo>
                <a:lnTo>
                  <a:pt x="1482215" y="6545648"/>
                </a:lnTo>
                <a:lnTo>
                  <a:pt x="1553511" y="6545648"/>
                </a:lnTo>
                <a:lnTo>
                  <a:pt x="1553511" y="6474347"/>
                </a:lnTo>
                <a:close/>
                <a:moveTo>
                  <a:pt x="1339617" y="6474347"/>
                </a:moveTo>
                <a:lnTo>
                  <a:pt x="1339617" y="6545648"/>
                </a:lnTo>
                <a:lnTo>
                  <a:pt x="1410920" y="6545648"/>
                </a:lnTo>
                <a:lnTo>
                  <a:pt x="1410920" y="6474347"/>
                </a:lnTo>
                <a:close/>
                <a:moveTo>
                  <a:pt x="1196941" y="6474347"/>
                </a:moveTo>
                <a:lnTo>
                  <a:pt x="1196941" y="6545648"/>
                </a:lnTo>
                <a:lnTo>
                  <a:pt x="1268245" y="6545648"/>
                </a:lnTo>
                <a:lnTo>
                  <a:pt x="1268245" y="6474347"/>
                </a:lnTo>
                <a:close/>
                <a:moveTo>
                  <a:pt x="1054277" y="6474347"/>
                </a:moveTo>
                <a:lnTo>
                  <a:pt x="1054277" y="6545648"/>
                </a:lnTo>
                <a:lnTo>
                  <a:pt x="1125575" y="6545648"/>
                </a:lnTo>
                <a:lnTo>
                  <a:pt x="1125575" y="6474347"/>
                </a:lnTo>
                <a:close/>
                <a:moveTo>
                  <a:pt x="911663" y="6474347"/>
                </a:moveTo>
                <a:lnTo>
                  <a:pt x="911663" y="6545648"/>
                </a:lnTo>
                <a:lnTo>
                  <a:pt x="982964" y="6545648"/>
                </a:lnTo>
                <a:lnTo>
                  <a:pt x="982964" y="6474347"/>
                </a:lnTo>
                <a:close/>
                <a:moveTo>
                  <a:pt x="769001" y="6474347"/>
                </a:moveTo>
                <a:lnTo>
                  <a:pt x="769001" y="6545648"/>
                </a:lnTo>
                <a:lnTo>
                  <a:pt x="840299" y="6545648"/>
                </a:lnTo>
                <a:lnTo>
                  <a:pt x="840299" y="6474347"/>
                </a:lnTo>
                <a:close/>
                <a:moveTo>
                  <a:pt x="626392" y="6474347"/>
                </a:moveTo>
                <a:lnTo>
                  <a:pt x="626392" y="6545648"/>
                </a:lnTo>
                <a:lnTo>
                  <a:pt x="697691" y="6545648"/>
                </a:lnTo>
                <a:lnTo>
                  <a:pt x="697691" y="6474347"/>
                </a:lnTo>
                <a:close/>
                <a:moveTo>
                  <a:pt x="483718" y="6474347"/>
                </a:moveTo>
                <a:lnTo>
                  <a:pt x="483718" y="6545648"/>
                </a:lnTo>
                <a:lnTo>
                  <a:pt x="555020" y="6545648"/>
                </a:lnTo>
                <a:lnTo>
                  <a:pt x="555020" y="6474347"/>
                </a:lnTo>
                <a:close/>
                <a:moveTo>
                  <a:pt x="7329490" y="6325709"/>
                </a:moveTo>
                <a:lnTo>
                  <a:pt x="7329490" y="6397010"/>
                </a:lnTo>
                <a:lnTo>
                  <a:pt x="7400791" y="6397010"/>
                </a:lnTo>
                <a:lnTo>
                  <a:pt x="7400791" y="6325709"/>
                </a:lnTo>
                <a:close/>
                <a:moveTo>
                  <a:pt x="7186888" y="6325709"/>
                </a:moveTo>
                <a:lnTo>
                  <a:pt x="7186888" y="6397010"/>
                </a:lnTo>
                <a:lnTo>
                  <a:pt x="7258188" y="6397010"/>
                </a:lnTo>
                <a:lnTo>
                  <a:pt x="7258188" y="6325709"/>
                </a:lnTo>
                <a:close/>
                <a:moveTo>
                  <a:pt x="7044216" y="6325709"/>
                </a:moveTo>
                <a:lnTo>
                  <a:pt x="7044216" y="6397010"/>
                </a:lnTo>
                <a:lnTo>
                  <a:pt x="7115517" y="6397010"/>
                </a:lnTo>
                <a:lnTo>
                  <a:pt x="7115517" y="6325709"/>
                </a:lnTo>
                <a:close/>
                <a:moveTo>
                  <a:pt x="6901543" y="6325709"/>
                </a:moveTo>
                <a:lnTo>
                  <a:pt x="6901543" y="6397010"/>
                </a:lnTo>
                <a:lnTo>
                  <a:pt x="6972844" y="6397010"/>
                </a:lnTo>
                <a:lnTo>
                  <a:pt x="6972844" y="6325709"/>
                </a:lnTo>
                <a:close/>
                <a:moveTo>
                  <a:pt x="6758942" y="6325709"/>
                </a:moveTo>
                <a:lnTo>
                  <a:pt x="6758942" y="6397010"/>
                </a:lnTo>
                <a:lnTo>
                  <a:pt x="6830242" y="6397010"/>
                </a:lnTo>
                <a:lnTo>
                  <a:pt x="6830242" y="6325709"/>
                </a:lnTo>
                <a:close/>
                <a:moveTo>
                  <a:pt x="6616269" y="6325709"/>
                </a:moveTo>
                <a:lnTo>
                  <a:pt x="6616269" y="6397010"/>
                </a:lnTo>
                <a:lnTo>
                  <a:pt x="6687570" y="6397010"/>
                </a:lnTo>
                <a:lnTo>
                  <a:pt x="6687570" y="6325709"/>
                </a:lnTo>
                <a:close/>
                <a:moveTo>
                  <a:pt x="6473667" y="6325709"/>
                </a:moveTo>
                <a:lnTo>
                  <a:pt x="6473667" y="6397010"/>
                </a:lnTo>
                <a:lnTo>
                  <a:pt x="6544968" y="6397010"/>
                </a:lnTo>
                <a:lnTo>
                  <a:pt x="6544968" y="6325709"/>
                </a:lnTo>
                <a:close/>
                <a:moveTo>
                  <a:pt x="6330995" y="6325709"/>
                </a:moveTo>
                <a:lnTo>
                  <a:pt x="6330995" y="6397010"/>
                </a:lnTo>
                <a:lnTo>
                  <a:pt x="6402296" y="6397010"/>
                </a:lnTo>
                <a:lnTo>
                  <a:pt x="6402296" y="6325709"/>
                </a:lnTo>
                <a:close/>
                <a:moveTo>
                  <a:pt x="6188393" y="6325709"/>
                </a:moveTo>
                <a:lnTo>
                  <a:pt x="6188393" y="6397010"/>
                </a:lnTo>
                <a:lnTo>
                  <a:pt x="6259694" y="6397010"/>
                </a:lnTo>
                <a:lnTo>
                  <a:pt x="6259694" y="6325709"/>
                </a:lnTo>
                <a:close/>
                <a:moveTo>
                  <a:pt x="6045721" y="6325709"/>
                </a:moveTo>
                <a:lnTo>
                  <a:pt x="6045721" y="6397010"/>
                </a:lnTo>
                <a:lnTo>
                  <a:pt x="6117021" y="6397010"/>
                </a:lnTo>
                <a:lnTo>
                  <a:pt x="6117021" y="6325709"/>
                </a:lnTo>
                <a:close/>
                <a:moveTo>
                  <a:pt x="5903048" y="6325709"/>
                </a:moveTo>
                <a:lnTo>
                  <a:pt x="5903048" y="6397010"/>
                </a:lnTo>
                <a:lnTo>
                  <a:pt x="5974349" y="6397010"/>
                </a:lnTo>
                <a:lnTo>
                  <a:pt x="5974349" y="6325709"/>
                </a:lnTo>
                <a:close/>
                <a:moveTo>
                  <a:pt x="5760447" y="6325709"/>
                </a:moveTo>
                <a:lnTo>
                  <a:pt x="5760447" y="6397010"/>
                </a:lnTo>
                <a:lnTo>
                  <a:pt x="5831748" y="6397010"/>
                </a:lnTo>
                <a:lnTo>
                  <a:pt x="5831748" y="6325709"/>
                </a:lnTo>
                <a:close/>
                <a:moveTo>
                  <a:pt x="5617774" y="6325709"/>
                </a:moveTo>
                <a:lnTo>
                  <a:pt x="5617774" y="6397010"/>
                </a:lnTo>
                <a:lnTo>
                  <a:pt x="5689075" y="6397010"/>
                </a:lnTo>
                <a:lnTo>
                  <a:pt x="5689075" y="6325709"/>
                </a:lnTo>
                <a:close/>
                <a:moveTo>
                  <a:pt x="5475173" y="6325709"/>
                </a:moveTo>
                <a:lnTo>
                  <a:pt x="5475173" y="6397010"/>
                </a:lnTo>
                <a:lnTo>
                  <a:pt x="5546474" y="6397010"/>
                </a:lnTo>
                <a:lnTo>
                  <a:pt x="5546474" y="6325709"/>
                </a:lnTo>
                <a:close/>
                <a:moveTo>
                  <a:pt x="5332500" y="6325709"/>
                </a:moveTo>
                <a:lnTo>
                  <a:pt x="5332500" y="6397010"/>
                </a:lnTo>
                <a:lnTo>
                  <a:pt x="5403801" y="6397010"/>
                </a:lnTo>
                <a:lnTo>
                  <a:pt x="5403801" y="6325709"/>
                </a:lnTo>
                <a:close/>
                <a:moveTo>
                  <a:pt x="5189828" y="6325709"/>
                </a:moveTo>
                <a:lnTo>
                  <a:pt x="5189828" y="6397010"/>
                </a:lnTo>
                <a:lnTo>
                  <a:pt x="5261129" y="6397010"/>
                </a:lnTo>
                <a:lnTo>
                  <a:pt x="5261129" y="6325709"/>
                </a:lnTo>
                <a:close/>
                <a:moveTo>
                  <a:pt x="5047226" y="6325709"/>
                </a:moveTo>
                <a:lnTo>
                  <a:pt x="5047226" y="6397010"/>
                </a:lnTo>
                <a:lnTo>
                  <a:pt x="5118527" y="6397010"/>
                </a:lnTo>
                <a:lnTo>
                  <a:pt x="5118527" y="6325709"/>
                </a:lnTo>
                <a:close/>
                <a:moveTo>
                  <a:pt x="4904553" y="6325709"/>
                </a:moveTo>
                <a:lnTo>
                  <a:pt x="4904553" y="6397010"/>
                </a:lnTo>
                <a:lnTo>
                  <a:pt x="4975854" y="6397010"/>
                </a:lnTo>
                <a:lnTo>
                  <a:pt x="4975854" y="6325709"/>
                </a:lnTo>
                <a:close/>
                <a:moveTo>
                  <a:pt x="4761952" y="6325709"/>
                </a:moveTo>
                <a:lnTo>
                  <a:pt x="4761952" y="6397010"/>
                </a:lnTo>
                <a:lnTo>
                  <a:pt x="4833253" y="6397010"/>
                </a:lnTo>
                <a:lnTo>
                  <a:pt x="4833253" y="6325709"/>
                </a:lnTo>
                <a:close/>
                <a:moveTo>
                  <a:pt x="4619279" y="6325709"/>
                </a:moveTo>
                <a:lnTo>
                  <a:pt x="4619279" y="6397010"/>
                </a:lnTo>
                <a:lnTo>
                  <a:pt x="4690580" y="6397010"/>
                </a:lnTo>
                <a:lnTo>
                  <a:pt x="4690580" y="6325709"/>
                </a:lnTo>
                <a:close/>
                <a:moveTo>
                  <a:pt x="4476678" y="6325709"/>
                </a:moveTo>
                <a:lnTo>
                  <a:pt x="4476678" y="6397010"/>
                </a:lnTo>
                <a:lnTo>
                  <a:pt x="4547979" y="6397010"/>
                </a:lnTo>
                <a:lnTo>
                  <a:pt x="4547979" y="6325709"/>
                </a:lnTo>
                <a:close/>
                <a:moveTo>
                  <a:pt x="4334005" y="6325709"/>
                </a:moveTo>
                <a:lnTo>
                  <a:pt x="4334005" y="6397010"/>
                </a:lnTo>
                <a:lnTo>
                  <a:pt x="4405306" y="6397010"/>
                </a:lnTo>
                <a:lnTo>
                  <a:pt x="4405306" y="6325709"/>
                </a:lnTo>
                <a:close/>
                <a:moveTo>
                  <a:pt x="4191404" y="6325709"/>
                </a:moveTo>
                <a:lnTo>
                  <a:pt x="4191404" y="6397010"/>
                </a:lnTo>
                <a:lnTo>
                  <a:pt x="4262705" y="6397010"/>
                </a:lnTo>
                <a:lnTo>
                  <a:pt x="4262705" y="6325709"/>
                </a:lnTo>
                <a:close/>
                <a:moveTo>
                  <a:pt x="4048731" y="6325709"/>
                </a:moveTo>
                <a:lnTo>
                  <a:pt x="4048731" y="6397010"/>
                </a:lnTo>
                <a:lnTo>
                  <a:pt x="4120032" y="6397010"/>
                </a:lnTo>
                <a:lnTo>
                  <a:pt x="4120032" y="6325709"/>
                </a:lnTo>
                <a:close/>
                <a:moveTo>
                  <a:pt x="3906059" y="6325709"/>
                </a:moveTo>
                <a:lnTo>
                  <a:pt x="3906059" y="6397010"/>
                </a:lnTo>
                <a:lnTo>
                  <a:pt x="3977360" y="6397010"/>
                </a:lnTo>
                <a:lnTo>
                  <a:pt x="3977360" y="6325709"/>
                </a:lnTo>
                <a:close/>
                <a:moveTo>
                  <a:pt x="3763457" y="6325709"/>
                </a:moveTo>
                <a:lnTo>
                  <a:pt x="3763457" y="6397010"/>
                </a:lnTo>
                <a:lnTo>
                  <a:pt x="3834758" y="6397010"/>
                </a:lnTo>
                <a:lnTo>
                  <a:pt x="3834758" y="6325709"/>
                </a:lnTo>
                <a:close/>
                <a:moveTo>
                  <a:pt x="3620784" y="6325709"/>
                </a:moveTo>
                <a:lnTo>
                  <a:pt x="3620784" y="6397010"/>
                </a:lnTo>
                <a:lnTo>
                  <a:pt x="3692085" y="6397010"/>
                </a:lnTo>
                <a:lnTo>
                  <a:pt x="3692085" y="6325709"/>
                </a:lnTo>
                <a:close/>
                <a:moveTo>
                  <a:pt x="3478184" y="6325709"/>
                </a:moveTo>
                <a:lnTo>
                  <a:pt x="3478184" y="6397010"/>
                </a:lnTo>
                <a:lnTo>
                  <a:pt x="3549484" y="6397010"/>
                </a:lnTo>
                <a:lnTo>
                  <a:pt x="3549484" y="6325709"/>
                </a:lnTo>
                <a:close/>
                <a:moveTo>
                  <a:pt x="3335511" y="6325709"/>
                </a:moveTo>
                <a:lnTo>
                  <a:pt x="3335511" y="6397010"/>
                </a:lnTo>
                <a:lnTo>
                  <a:pt x="3406811" y="6397010"/>
                </a:lnTo>
                <a:lnTo>
                  <a:pt x="3406811" y="6325709"/>
                </a:lnTo>
                <a:close/>
                <a:moveTo>
                  <a:pt x="3192839" y="6325709"/>
                </a:moveTo>
                <a:lnTo>
                  <a:pt x="3192839" y="6397010"/>
                </a:lnTo>
                <a:lnTo>
                  <a:pt x="3264139" y="6397010"/>
                </a:lnTo>
                <a:lnTo>
                  <a:pt x="3264139" y="6325709"/>
                </a:lnTo>
                <a:close/>
                <a:moveTo>
                  <a:pt x="3050237" y="6325709"/>
                </a:moveTo>
                <a:lnTo>
                  <a:pt x="3050237" y="6397010"/>
                </a:lnTo>
                <a:lnTo>
                  <a:pt x="3121537" y="6397010"/>
                </a:lnTo>
                <a:lnTo>
                  <a:pt x="3121537" y="6325709"/>
                </a:lnTo>
                <a:close/>
                <a:moveTo>
                  <a:pt x="2907564" y="6325709"/>
                </a:moveTo>
                <a:lnTo>
                  <a:pt x="2907564" y="6397010"/>
                </a:lnTo>
                <a:lnTo>
                  <a:pt x="2978865" y="6397010"/>
                </a:lnTo>
                <a:lnTo>
                  <a:pt x="2978865" y="6325709"/>
                </a:lnTo>
                <a:close/>
                <a:moveTo>
                  <a:pt x="2764962" y="6325709"/>
                </a:moveTo>
                <a:lnTo>
                  <a:pt x="2764962" y="6397010"/>
                </a:lnTo>
                <a:lnTo>
                  <a:pt x="2836263" y="6397010"/>
                </a:lnTo>
                <a:lnTo>
                  <a:pt x="2836263" y="6325709"/>
                </a:lnTo>
                <a:close/>
                <a:moveTo>
                  <a:pt x="2622291" y="6325709"/>
                </a:moveTo>
                <a:lnTo>
                  <a:pt x="2622291" y="6397010"/>
                </a:lnTo>
                <a:lnTo>
                  <a:pt x="2693591" y="6397010"/>
                </a:lnTo>
                <a:lnTo>
                  <a:pt x="2693591" y="6325709"/>
                </a:lnTo>
                <a:close/>
                <a:moveTo>
                  <a:pt x="2479688" y="6325709"/>
                </a:moveTo>
                <a:lnTo>
                  <a:pt x="2479688" y="6397010"/>
                </a:lnTo>
                <a:lnTo>
                  <a:pt x="2550990" y="6397010"/>
                </a:lnTo>
                <a:lnTo>
                  <a:pt x="2550990" y="6325709"/>
                </a:lnTo>
                <a:close/>
                <a:moveTo>
                  <a:pt x="2337016" y="6325709"/>
                </a:moveTo>
                <a:lnTo>
                  <a:pt x="2337016" y="6397010"/>
                </a:lnTo>
                <a:lnTo>
                  <a:pt x="2408317" y="6397010"/>
                </a:lnTo>
                <a:lnTo>
                  <a:pt x="2408317" y="6325709"/>
                </a:lnTo>
                <a:close/>
                <a:moveTo>
                  <a:pt x="2195429" y="6325709"/>
                </a:moveTo>
                <a:lnTo>
                  <a:pt x="2195429" y="6397010"/>
                </a:lnTo>
                <a:lnTo>
                  <a:pt x="2266731" y="6397010"/>
                </a:lnTo>
                <a:lnTo>
                  <a:pt x="2266731" y="6325709"/>
                </a:lnTo>
                <a:close/>
                <a:moveTo>
                  <a:pt x="2052828" y="6325709"/>
                </a:moveTo>
                <a:lnTo>
                  <a:pt x="2052828" y="6397010"/>
                </a:lnTo>
                <a:lnTo>
                  <a:pt x="2124128" y="6397010"/>
                </a:lnTo>
                <a:lnTo>
                  <a:pt x="2124128" y="6325709"/>
                </a:lnTo>
                <a:close/>
                <a:moveTo>
                  <a:pt x="1910155" y="6325709"/>
                </a:moveTo>
                <a:lnTo>
                  <a:pt x="1910155" y="6397010"/>
                </a:lnTo>
                <a:lnTo>
                  <a:pt x="1981455" y="6397010"/>
                </a:lnTo>
                <a:lnTo>
                  <a:pt x="1981455" y="6325709"/>
                </a:lnTo>
                <a:close/>
                <a:moveTo>
                  <a:pt x="1767483" y="6325709"/>
                </a:moveTo>
                <a:lnTo>
                  <a:pt x="1767483" y="6397010"/>
                </a:lnTo>
                <a:lnTo>
                  <a:pt x="1838783" y="6397010"/>
                </a:lnTo>
                <a:lnTo>
                  <a:pt x="1838783" y="6325709"/>
                </a:lnTo>
                <a:close/>
                <a:moveTo>
                  <a:pt x="1624882" y="6325709"/>
                </a:moveTo>
                <a:lnTo>
                  <a:pt x="1624882" y="6397010"/>
                </a:lnTo>
                <a:lnTo>
                  <a:pt x="1696183" y="6397010"/>
                </a:lnTo>
                <a:lnTo>
                  <a:pt x="1696183" y="6325709"/>
                </a:lnTo>
                <a:close/>
                <a:moveTo>
                  <a:pt x="1482215" y="6325709"/>
                </a:moveTo>
                <a:lnTo>
                  <a:pt x="1482215" y="6397010"/>
                </a:lnTo>
                <a:lnTo>
                  <a:pt x="1553511" y="6397010"/>
                </a:lnTo>
                <a:lnTo>
                  <a:pt x="1553511" y="6325709"/>
                </a:lnTo>
                <a:close/>
                <a:moveTo>
                  <a:pt x="1339621" y="6325709"/>
                </a:moveTo>
                <a:lnTo>
                  <a:pt x="1339621" y="6397010"/>
                </a:lnTo>
                <a:lnTo>
                  <a:pt x="1410920" y="6397010"/>
                </a:lnTo>
                <a:lnTo>
                  <a:pt x="1410920" y="6325709"/>
                </a:lnTo>
                <a:close/>
                <a:moveTo>
                  <a:pt x="1196941" y="6325709"/>
                </a:moveTo>
                <a:lnTo>
                  <a:pt x="1196941" y="6397010"/>
                </a:lnTo>
                <a:lnTo>
                  <a:pt x="1268245" y="6397010"/>
                </a:lnTo>
                <a:lnTo>
                  <a:pt x="1268245" y="6325709"/>
                </a:lnTo>
                <a:close/>
                <a:moveTo>
                  <a:pt x="1054277" y="6325709"/>
                </a:moveTo>
                <a:lnTo>
                  <a:pt x="1054277" y="6397010"/>
                </a:lnTo>
                <a:lnTo>
                  <a:pt x="1125575" y="6397010"/>
                </a:lnTo>
                <a:lnTo>
                  <a:pt x="1125575" y="6325709"/>
                </a:lnTo>
                <a:close/>
                <a:moveTo>
                  <a:pt x="911663" y="6325709"/>
                </a:moveTo>
                <a:lnTo>
                  <a:pt x="911663" y="6397010"/>
                </a:lnTo>
                <a:lnTo>
                  <a:pt x="982964" y="6397010"/>
                </a:lnTo>
                <a:lnTo>
                  <a:pt x="982964" y="6325709"/>
                </a:lnTo>
                <a:close/>
                <a:moveTo>
                  <a:pt x="769001" y="6325709"/>
                </a:moveTo>
                <a:lnTo>
                  <a:pt x="769001" y="6397010"/>
                </a:lnTo>
                <a:lnTo>
                  <a:pt x="840299" y="6397010"/>
                </a:lnTo>
                <a:lnTo>
                  <a:pt x="840299" y="6325709"/>
                </a:lnTo>
                <a:close/>
                <a:moveTo>
                  <a:pt x="626392" y="6325709"/>
                </a:moveTo>
                <a:lnTo>
                  <a:pt x="626392" y="6397010"/>
                </a:lnTo>
                <a:lnTo>
                  <a:pt x="697691" y="6397010"/>
                </a:lnTo>
                <a:lnTo>
                  <a:pt x="697691" y="6325709"/>
                </a:lnTo>
                <a:close/>
                <a:moveTo>
                  <a:pt x="7044216" y="6183107"/>
                </a:moveTo>
                <a:lnTo>
                  <a:pt x="7044216" y="6254408"/>
                </a:lnTo>
                <a:lnTo>
                  <a:pt x="7115517" y="6254408"/>
                </a:lnTo>
                <a:lnTo>
                  <a:pt x="7115517" y="6183107"/>
                </a:lnTo>
                <a:close/>
                <a:moveTo>
                  <a:pt x="6901543" y="6183107"/>
                </a:moveTo>
                <a:lnTo>
                  <a:pt x="6901543" y="6254408"/>
                </a:lnTo>
                <a:lnTo>
                  <a:pt x="6972844" y="6254408"/>
                </a:lnTo>
                <a:lnTo>
                  <a:pt x="6972844" y="6183107"/>
                </a:lnTo>
                <a:close/>
                <a:moveTo>
                  <a:pt x="6758942" y="6183107"/>
                </a:moveTo>
                <a:lnTo>
                  <a:pt x="6758942" y="6254408"/>
                </a:lnTo>
                <a:lnTo>
                  <a:pt x="6830242" y="6254408"/>
                </a:lnTo>
                <a:lnTo>
                  <a:pt x="6830242" y="6183107"/>
                </a:lnTo>
                <a:close/>
                <a:moveTo>
                  <a:pt x="6616269" y="6183107"/>
                </a:moveTo>
                <a:lnTo>
                  <a:pt x="6616269" y="6254408"/>
                </a:lnTo>
                <a:lnTo>
                  <a:pt x="6687570" y="6254408"/>
                </a:lnTo>
                <a:lnTo>
                  <a:pt x="6687570" y="6183107"/>
                </a:lnTo>
                <a:close/>
                <a:moveTo>
                  <a:pt x="6473667" y="6183107"/>
                </a:moveTo>
                <a:lnTo>
                  <a:pt x="6473667" y="6254408"/>
                </a:lnTo>
                <a:lnTo>
                  <a:pt x="6544968" y="6254408"/>
                </a:lnTo>
                <a:lnTo>
                  <a:pt x="6544968" y="6183107"/>
                </a:lnTo>
                <a:close/>
                <a:moveTo>
                  <a:pt x="6330995" y="6183107"/>
                </a:moveTo>
                <a:lnTo>
                  <a:pt x="6330995" y="6254408"/>
                </a:lnTo>
                <a:lnTo>
                  <a:pt x="6402296" y="6254408"/>
                </a:lnTo>
                <a:lnTo>
                  <a:pt x="6402296" y="6183107"/>
                </a:lnTo>
                <a:close/>
                <a:moveTo>
                  <a:pt x="6188393" y="6183107"/>
                </a:moveTo>
                <a:lnTo>
                  <a:pt x="6188393" y="6254408"/>
                </a:lnTo>
                <a:lnTo>
                  <a:pt x="6259694" y="6254408"/>
                </a:lnTo>
                <a:lnTo>
                  <a:pt x="6259694" y="6183107"/>
                </a:lnTo>
                <a:close/>
                <a:moveTo>
                  <a:pt x="6045721" y="6183107"/>
                </a:moveTo>
                <a:lnTo>
                  <a:pt x="6045721" y="6254408"/>
                </a:lnTo>
                <a:lnTo>
                  <a:pt x="6117021" y="6254408"/>
                </a:lnTo>
                <a:lnTo>
                  <a:pt x="6117021" y="6183107"/>
                </a:lnTo>
                <a:close/>
                <a:moveTo>
                  <a:pt x="5903048" y="6183107"/>
                </a:moveTo>
                <a:lnTo>
                  <a:pt x="5903048" y="6254408"/>
                </a:lnTo>
                <a:lnTo>
                  <a:pt x="5974349" y="6254408"/>
                </a:lnTo>
                <a:lnTo>
                  <a:pt x="5974349" y="6183107"/>
                </a:lnTo>
                <a:close/>
                <a:moveTo>
                  <a:pt x="5760447" y="6183107"/>
                </a:moveTo>
                <a:lnTo>
                  <a:pt x="5760447" y="6254408"/>
                </a:lnTo>
                <a:lnTo>
                  <a:pt x="5831748" y="6254408"/>
                </a:lnTo>
                <a:lnTo>
                  <a:pt x="5831748" y="6183107"/>
                </a:lnTo>
                <a:close/>
                <a:moveTo>
                  <a:pt x="5617774" y="6183107"/>
                </a:moveTo>
                <a:lnTo>
                  <a:pt x="5617774" y="6254408"/>
                </a:lnTo>
                <a:lnTo>
                  <a:pt x="5689075" y="6254408"/>
                </a:lnTo>
                <a:lnTo>
                  <a:pt x="5689075" y="6183107"/>
                </a:lnTo>
                <a:close/>
                <a:moveTo>
                  <a:pt x="5475173" y="6183107"/>
                </a:moveTo>
                <a:lnTo>
                  <a:pt x="5475173" y="6254408"/>
                </a:lnTo>
                <a:lnTo>
                  <a:pt x="5546474" y="6254408"/>
                </a:lnTo>
                <a:lnTo>
                  <a:pt x="5546474" y="6183107"/>
                </a:lnTo>
                <a:close/>
                <a:moveTo>
                  <a:pt x="5332500" y="6183107"/>
                </a:moveTo>
                <a:lnTo>
                  <a:pt x="5332500" y="6254408"/>
                </a:lnTo>
                <a:lnTo>
                  <a:pt x="5403801" y="6254408"/>
                </a:lnTo>
                <a:lnTo>
                  <a:pt x="5403801" y="6183107"/>
                </a:lnTo>
                <a:close/>
                <a:moveTo>
                  <a:pt x="5189828" y="6183107"/>
                </a:moveTo>
                <a:lnTo>
                  <a:pt x="5189828" y="6254408"/>
                </a:lnTo>
                <a:lnTo>
                  <a:pt x="5261129" y="6254408"/>
                </a:lnTo>
                <a:lnTo>
                  <a:pt x="5261129" y="6183107"/>
                </a:lnTo>
                <a:close/>
                <a:moveTo>
                  <a:pt x="5047226" y="6183107"/>
                </a:moveTo>
                <a:lnTo>
                  <a:pt x="5047226" y="6254408"/>
                </a:lnTo>
                <a:lnTo>
                  <a:pt x="5118527" y="6254408"/>
                </a:lnTo>
                <a:lnTo>
                  <a:pt x="5118527" y="6183107"/>
                </a:lnTo>
                <a:close/>
                <a:moveTo>
                  <a:pt x="4904553" y="6183107"/>
                </a:moveTo>
                <a:lnTo>
                  <a:pt x="4904553" y="6254408"/>
                </a:lnTo>
                <a:lnTo>
                  <a:pt x="4975854" y="6254408"/>
                </a:lnTo>
                <a:lnTo>
                  <a:pt x="4975854" y="6183107"/>
                </a:lnTo>
                <a:close/>
                <a:moveTo>
                  <a:pt x="4761952" y="6183107"/>
                </a:moveTo>
                <a:lnTo>
                  <a:pt x="4761952" y="6254408"/>
                </a:lnTo>
                <a:lnTo>
                  <a:pt x="4833253" y="6254408"/>
                </a:lnTo>
                <a:lnTo>
                  <a:pt x="4833253" y="6183107"/>
                </a:lnTo>
                <a:close/>
                <a:moveTo>
                  <a:pt x="4619279" y="6183107"/>
                </a:moveTo>
                <a:lnTo>
                  <a:pt x="4619279" y="6254408"/>
                </a:lnTo>
                <a:lnTo>
                  <a:pt x="4690580" y="6254408"/>
                </a:lnTo>
                <a:lnTo>
                  <a:pt x="4690580" y="6183107"/>
                </a:lnTo>
                <a:close/>
                <a:moveTo>
                  <a:pt x="4476678" y="6183107"/>
                </a:moveTo>
                <a:lnTo>
                  <a:pt x="4476678" y="6254408"/>
                </a:lnTo>
                <a:lnTo>
                  <a:pt x="4547979" y="6254408"/>
                </a:lnTo>
                <a:lnTo>
                  <a:pt x="4547979" y="6183107"/>
                </a:lnTo>
                <a:close/>
                <a:moveTo>
                  <a:pt x="4334005" y="6183107"/>
                </a:moveTo>
                <a:lnTo>
                  <a:pt x="4334005" y="6254408"/>
                </a:lnTo>
                <a:lnTo>
                  <a:pt x="4405306" y="6254408"/>
                </a:lnTo>
                <a:lnTo>
                  <a:pt x="4405306" y="6183107"/>
                </a:lnTo>
                <a:close/>
                <a:moveTo>
                  <a:pt x="4191404" y="6183107"/>
                </a:moveTo>
                <a:lnTo>
                  <a:pt x="4191404" y="6254408"/>
                </a:lnTo>
                <a:lnTo>
                  <a:pt x="4262705" y="6254408"/>
                </a:lnTo>
                <a:lnTo>
                  <a:pt x="4262705" y="6183107"/>
                </a:lnTo>
                <a:close/>
                <a:moveTo>
                  <a:pt x="4048731" y="6183107"/>
                </a:moveTo>
                <a:lnTo>
                  <a:pt x="4048731" y="6254408"/>
                </a:lnTo>
                <a:lnTo>
                  <a:pt x="4120032" y="6254408"/>
                </a:lnTo>
                <a:lnTo>
                  <a:pt x="4120032" y="6183107"/>
                </a:lnTo>
                <a:close/>
                <a:moveTo>
                  <a:pt x="3906059" y="6183107"/>
                </a:moveTo>
                <a:lnTo>
                  <a:pt x="3906059" y="6254408"/>
                </a:lnTo>
                <a:lnTo>
                  <a:pt x="3977360" y="6254408"/>
                </a:lnTo>
                <a:lnTo>
                  <a:pt x="3977360" y="6183107"/>
                </a:lnTo>
                <a:close/>
                <a:moveTo>
                  <a:pt x="3763457" y="6183107"/>
                </a:moveTo>
                <a:lnTo>
                  <a:pt x="3763457" y="6254408"/>
                </a:lnTo>
                <a:lnTo>
                  <a:pt x="3834758" y="6254408"/>
                </a:lnTo>
                <a:lnTo>
                  <a:pt x="3834758" y="6183107"/>
                </a:lnTo>
                <a:close/>
                <a:moveTo>
                  <a:pt x="3620784" y="6183107"/>
                </a:moveTo>
                <a:lnTo>
                  <a:pt x="3620784" y="6254408"/>
                </a:lnTo>
                <a:lnTo>
                  <a:pt x="3692085" y="6254408"/>
                </a:lnTo>
                <a:lnTo>
                  <a:pt x="3692085" y="6183107"/>
                </a:lnTo>
                <a:close/>
                <a:moveTo>
                  <a:pt x="3478184" y="6183107"/>
                </a:moveTo>
                <a:lnTo>
                  <a:pt x="3478184" y="6254408"/>
                </a:lnTo>
                <a:lnTo>
                  <a:pt x="3549484" y="6254408"/>
                </a:lnTo>
                <a:lnTo>
                  <a:pt x="3549484" y="6183107"/>
                </a:lnTo>
                <a:close/>
                <a:moveTo>
                  <a:pt x="3335511" y="6183107"/>
                </a:moveTo>
                <a:lnTo>
                  <a:pt x="3335511" y="6254408"/>
                </a:lnTo>
                <a:lnTo>
                  <a:pt x="3406811" y="6254408"/>
                </a:lnTo>
                <a:lnTo>
                  <a:pt x="3406811" y="6183107"/>
                </a:lnTo>
                <a:close/>
                <a:moveTo>
                  <a:pt x="3192839" y="6183107"/>
                </a:moveTo>
                <a:lnTo>
                  <a:pt x="3192839" y="6254408"/>
                </a:lnTo>
                <a:lnTo>
                  <a:pt x="3264139" y="6254408"/>
                </a:lnTo>
                <a:lnTo>
                  <a:pt x="3264139" y="6183107"/>
                </a:lnTo>
                <a:close/>
                <a:moveTo>
                  <a:pt x="3050237" y="6183107"/>
                </a:moveTo>
                <a:lnTo>
                  <a:pt x="3050237" y="6254408"/>
                </a:lnTo>
                <a:lnTo>
                  <a:pt x="3121537" y="6254408"/>
                </a:lnTo>
                <a:lnTo>
                  <a:pt x="3121537" y="6183107"/>
                </a:lnTo>
                <a:close/>
                <a:moveTo>
                  <a:pt x="2907564" y="6183107"/>
                </a:moveTo>
                <a:lnTo>
                  <a:pt x="2907564" y="6254408"/>
                </a:lnTo>
                <a:lnTo>
                  <a:pt x="2978865" y="6254408"/>
                </a:lnTo>
                <a:lnTo>
                  <a:pt x="2978865" y="6183107"/>
                </a:lnTo>
                <a:close/>
                <a:moveTo>
                  <a:pt x="2764962" y="6183107"/>
                </a:moveTo>
                <a:lnTo>
                  <a:pt x="2764962" y="6254408"/>
                </a:lnTo>
                <a:lnTo>
                  <a:pt x="2836263" y="6254408"/>
                </a:lnTo>
                <a:lnTo>
                  <a:pt x="2836263" y="6183107"/>
                </a:lnTo>
                <a:close/>
                <a:moveTo>
                  <a:pt x="2622291" y="6183107"/>
                </a:moveTo>
                <a:lnTo>
                  <a:pt x="2622291" y="6254408"/>
                </a:lnTo>
                <a:lnTo>
                  <a:pt x="2693591" y="6254408"/>
                </a:lnTo>
                <a:lnTo>
                  <a:pt x="2693591" y="6183107"/>
                </a:lnTo>
                <a:close/>
                <a:moveTo>
                  <a:pt x="2479688" y="6183107"/>
                </a:moveTo>
                <a:lnTo>
                  <a:pt x="2479688" y="6254408"/>
                </a:lnTo>
                <a:lnTo>
                  <a:pt x="2550990" y="6254408"/>
                </a:lnTo>
                <a:lnTo>
                  <a:pt x="2550990" y="6183107"/>
                </a:lnTo>
                <a:close/>
                <a:moveTo>
                  <a:pt x="2337016" y="6183107"/>
                </a:moveTo>
                <a:lnTo>
                  <a:pt x="2337016" y="6254408"/>
                </a:lnTo>
                <a:lnTo>
                  <a:pt x="2408317" y="6254408"/>
                </a:lnTo>
                <a:lnTo>
                  <a:pt x="2408317" y="6183107"/>
                </a:lnTo>
                <a:close/>
                <a:moveTo>
                  <a:pt x="2195429" y="6183107"/>
                </a:moveTo>
                <a:lnTo>
                  <a:pt x="2195429" y="6254408"/>
                </a:lnTo>
                <a:lnTo>
                  <a:pt x="2266731" y="6254408"/>
                </a:lnTo>
                <a:lnTo>
                  <a:pt x="2266731" y="6183107"/>
                </a:lnTo>
                <a:close/>
                <a:moveTo>
                  <a:pt x="2052828" y="6183107"/>
                </a:moveTo>
                <a:lnTo>
                  <a:pt x="2052828" y="6254408"/>
                </a:lnTo>
                <a:lnTo>
                  <a:pt x="2124128" y="6254408"/>
                </a:lnTo>
                <a:lnTo>
                  <a:pt x="2124128" y="6183107"/>
                </a:lnTo>
                <a:close/>
                <a:moveTo>
                  <a:pt x="1910155" y="6183107"/>
                </a:moveTo>
                <a:lnTo>
                  <a:pt x="1910155" y="6254408"/>
                </a:lnTo>
                <a:lnTo>
                  <a:pt x="1981455" y="6254408"/>
                </a:lnTo>
                <a:lnTo>
                  <a:pt x="1981455" y="6183107"/>
                </a:lnTo>
                <a:close/>
                <a:moveTo>
                  <a:pt x="1767483" y="6183107"/>
                </a:moveTo>
                <a:lnTo>
                  <a:pt x="1767483" y="6254408"/>
                </a:lnTo>
                <a:lnTo>
                  <a:pt x="1838783" y="6254408"/>
                </a:lnTo>
                <a:lnTo>
                  <a:pt x="1838783" y="6183107"/>
                </a:lnTo>
                <a:close/>
                <a:moveTo>
                  <a:pt x="1624882" y="6183107"/>
                </a:moveTo>
                <a:lnTo>
                  <a:pt x="1624882" y="6254408"/>
                </a:lnTo>
                <a:lnTo>
                  <a:pt x="1696183" y="6254408"/>
                </a:lnTo>
                <a:lnTo>
                  <a:pt x="1696183" y="6183107"/>
                </a:lnTo>
                <a:close/>
                <a:moveTo>
                  <a:pt x="1482215" y="6183107"/>
                </a:moveTo>
                <a:lnTo>
                  <a:pt x="1482215" y="6254408"/>
                </a:lnTo>
                <a:lnTo>
                  <a:pt x="1553511" y="6254408"/>
                </a:lnTo>
                <a:lnTo>
                  <a:pt x="1553511" y="6183107"/>
                </a:lnTo>
                <a:close/>
                <a:moveTo>
                  <a:pt x="1339621" y="6183107"/>
                </a:moveTo>
                <a:lnTo>
                  <a:pt x="1339621" y="6254408"/>
                </a:lnTo>
                <a:lnTo>
                  <a:pt x="1410920" y="6254408"/>
                </a:lnTo>
                <a:lnTo>
                  <a:pt x="1410920" y="6183107"/>
                </a:lnTo>
                <a:close/>
                <a:moveTo>
                  <a:pt x="1196948" y="6183107"/>
                </a:moveTo>
                <a:lnTo>
                  <a:pt x="1196948" y="6254408"/>
                </a:lnTo>
                <a:lnTo>
                  <a:pt x="1268245" y="6254408"/>
                </a:lnTo>
                <a:lnTo>
                  <a:pt x="1268245" y="6183107"/>
                </a:lnTo>
                <a:close/>
                <a:moveTo>
                  <a:pt x="1054277" y="6183107"/>
                </a:moveTo>
                <a:lnTo>
                  <a:pt x="1054277" y="6254408"/>
                </a:lnTo>
                <a:lnTo>
                  <a:pt x="1125575" y="6254408"/>
                </a:lnTo>
                <a:lnTo>
                  <a:pt x="1125575" y="6183107"/>
                </a:lnTo>
                <a:close/>
                <a:moveTo>
                  <a:pt x="911663" y="6183107"/>
                </a:moveTo>
                <a:lnTo>
                  <a:pt x="911663" y="6254408"/>
                </a:lnTo>
                <a:lnTo>
                  <a:pt x="982964" y="6254408"/>
                </a:lnTo>
                <a:lnTo>
                  <a:pt x="982964" y="6183107"/>
                </a:lnTo>
                <a:close/>
                <a:moveTo>
                  <a:pt x="769001" y="6183107"/>
                </a:moveTo>
                <a:lnTo>
                  <a:pt x="769001" y="6254408"/>
                </a:lnTo>
                <a:lnTo>
                  <a:pt x="840299" y="6254408"/>
                </a:lnTo>
                <a:lnTo>
                  <a:pt x="840299" y="6183107"/>
                </a:lnTo>
                <a:close/>
                <a:moveTo>
                  <a:pt x="7329490" y="6040435"/>
                </a:moveTo>
                <a:lnTo>
                  <a:pt x="7329490" y="6111736"/>
                </a:lnTo>
                <a:lnTo>
                  <a:pt x="7400791" y="6111736"/>
                </a:lnTo>
                <a:lnTo>
                  <a:pt x="7400791" y="6040435"/>
                </a:lnTo>
                <a:close/>
                <a:moveTo>
                  <a:pt x="7186888" y="6040435"/>
                </a:moveTo>
                <a:lnTo>
                  <a:pt x="7186888" y="6111736"/>
                </a:lnTo>
                <a:lnTo>
                  <a:pt x="7258188" y="6111736"/>
                </a:lnTo>
                <a:lnTo>
                  <a:pt x="7258188" y="6040435"/>
                </a:lnTo>
                <a:close/>
                <a:moveTo>
                  <a:pt x="7044216" y="6040435"/>
                </a:moveTo>
                <a:lnTo>
                  <a:pt x="7044216" y="6111736"/>
                </a:lnTo>
                <a:lnTo>
                  <a:pt x="7115517" y="6111736"/>
                </a:lnTo>
                <a:lnTo>
                  <a:pt x="7115517" y="6040435"/>
                </a:lnTo>
                <a:close/>
                <a:moveTo>
                  <a:pt x="6901543" y="6040435"/>
                </a:moveTo>
                <a:lnTo>
                  <a:pt x="6901543" y="6111736"/>
                </a:lnTo>
                <a:lnTo>
                  <a:pt x="6972844" y="6111736"/>
                </a:lnTo>
                <a:lnTo>
                  <a:pt x="6972844" y="6040435"/>
                </a:lnTo>
                <a:close/>
                <a:moveTo>
                  <a:pt x="6758942" y="6040435"/>
                </a:moveTo>
                <a:lnTo>
                  <a:pt x="6758942" y="6111736"/>
                </a:lnTo>
                <a:lnTo>
                  <a:pt x="6830242" y="6111736"/>
                </a:lnTo>
                <a:lnTo>
                  <a:pt x="6830242" y="6040435"/>
                </a:lnTo>
                <a:close/>
                <a:moveTo>
                  <a:pt x="6616269" y="6040435"/>
                </a:moveTo>
                <a:lnTo>
                  <a:pt x="6616269" y="6111736"/>
                </a:lnTo>
                <a:lnTo>
                  <a:pt x="6687570" y="6111736"/>
                </a:lnTo>
                <a:lnTo>
                  <a:pt x="6687570" y="6040435"/>
                </a:lnTo>
                <a:close/>
                <a:moveTo>
                  <a:pt x="6473667" y="6040435"/>
                </a:moveTo>
                <a:lnTo>
                  <a:pt x="6473667" y="6111736"/>
                </a:lnTo>
                <a:lnTo>
                  <a:pt x="6544968" y="6111736"/>
                </a:lnTo>
                <a:lnTo>
                  <a:pt x="6544968" y="6040435"/>
                </a:lnTo>
                <a:close/>
                <a:moveTo>
                  <a:pt x="6330995" y="6040435"/>
                </a:moveTo>
                <a:lnTo>
                  <a:pt x="6330995" y="6111736"/>
                </a:lnTo>
                <a:lnTo>
                  <a:pt x="6402296" y="6111736"/>
                </a:lnTo>
                <a:lnTo>
                  <a:pt x="6402296" y="6040435"/>
                </a:lnTo>
                <a:close/>
                <a:moveTo>
                  <a:pt x="6188393" y="6040435"/>
                </a:moveTo>
                <a:lnTo>
                  <a:pt x="6188393" y="6111736"/>
                </a:lnTo>
                <a:lnTo>
                  <a:pt x="6259694" y="6111736"/>
                </a:lnTo>
                <a:lnTo>
                  <a:pt x="6259694" y="6040435"/>
                </a:lnTo>
                <a:close/>
                <a:moveTo>
                  <a:pt x="6045721" y="6040435"/>
                </a:moveTo>
                <a:lnTo>
                  <a:pt x="6045721" y="6111736"/>
                </a:lnTo>
                <a:lnTo>
                  <a:pt x="6117021" y="6111736"/>
                </a:lnTo>
                <a:lnTo>
                  <a:pt x="6117021" y="6040435"/>
                </a:lnTo>
                <a:close/>
                <a:moveTo>
                  <a:pt x="5903048" y="6040435"/>
                </a:moveTo>
                <a:lnTo>
                  <a:pt x="5903048" y="6111736"/>
                </a:lnTo>
                <a:lnTo>
                  <a:pt x="5974349" y="6111736"/>
                </a:lnTo>
                <a:lnTo>
                  <a:pt x="5974349" y="6040435"/>
                </a:lnTo>
                <a:close/>
                <a:moveTo>
                  <a:pt x="5760447" y="6040435"/>
                </a:moveTo>
                <a:lnTo>
                  <a:pt x="5760447" y="6111736"/>
                </a:lnTo>
                <a:lnTo>
                  <a:pt x="5831748" y="6111736"/>
                </a:lnTo>
                <a:lnTo>
                  <a:pt x="5831748" y="6040435"/>
                </a:lnTo>
                <a:close/>
                <a:moveTo>
                  <a:pt x="5617774" y="6040435"/>
                </a:moveTo>
                <a:lnTo>
                  <a:pt x="5617774" y="6111736"/>
                </a:lnTo>
                <a:lnTo>
                  <a:pt x="5689075" y="6111736"/>
                </a:lnTo>
                <a:lnTo>
                  <a:pt x="5689075" y="6040435"/>
                </a:lnTo>
                <a:close/>
                <a:moveTo>
                  <a:pt x="5475173" y="6040435"/>
                </a:moveTo>
                <a:lnTo>
                  <a:pt x="5475173" y="6111736"/>
                </a:lnTo>
                <a:lnTo>
                  <a:pt x="5546474" y="6111736"/>
                </a:lnTo>
                <a:lnTo>
                  <a:pt x="5546474" y="6040435"/>
                </a:lnTo>
                <a:close/>
                <a:moveTo>
                  <a:pt x="5332500" y="6040435"/>
                </a:moveTo>
                <a:lnTo>
                  <a:pt x="5332500" y="6111736"/>
                </a:lnTo>
                <a:lnTo>
                  <a:pt x="5403801" y="6111736"/>
                </a:lnTo>
                <a:lnTo>
                  <a:pt x="5403801" y="6040435"/>
                </a:lnTo>
                <a:close/>
                <a:moveTo>
                  <a:pt x="5189828" y="6040435"/>
                </a:moveTo>
                <a:lnTo>
                  <a:pt x="5189828" y="6111736"/>
                </a:lnTo>
                <a:lnTo>
                  <a:pt x="5261129" y="6111736"/>
                </a:lnTo>
                <a:lnTo>
                  <a:pt x="5261129" y="6040435"/>
                </a:lnTo>
                <a:close/>
                <a:moveTo>
                  <a:pt x="5047226" y="6040435"/>
                </a:moveTo>
                <a:lnTo>
                  <a:pt x="5047226" y="6111736"/>
                </a:lnTo>
                <a:lnTo>
                  <a:pt x="5118527" y="6111736"/>
                </a:lnTo>
                <a:lnTo>
                  <a:pt x="5118527" y="6040435"/>
                </a:lnTo>
                <a:close/>
                <a:moveTo>
                  <a:pt x="4904553" y="6040435"/>
                </a:moveTo>
                <a:lnTo>
                  <a:pt x="4904553" y="6111736"/>
                </a:lnTo>
                <a:lnTo>
                  <a:pt x="4975854" y="6111736"/>
                </a:lnTo>
                <a:lnTo>
                  <a:pt x="4975854" y="6040435"/>
                </a:lnTo>
                <a:close/>
                <a:moveTo>
                  <a:pt x="4761952" y="6040435"/>
                </a:moveTo>
                <a:lnTo>
                  <a:pt x="4761952" y="6111736"/>
                </a:lnTo>
                <a:lnTo>
                  <a:pt x="4833253" y="6111736"/>
                </a:lnTo>
                <a:lnTo>
                  <a:pt x="4833253" y="6040435"/>
                </a:lnTo>
                <a:close/>
                <a:moveTo>
                  <a:pt x="4619279" y="6040435"/>
                </a:moveTo>
                <a:lnTo>
                  <a:pt x="4619279" y="6111736"/>
                </a:lnTo>
                <a:lnTo>
                  <a:pt x="4690580" y="6111736"/>
                </a:lnTo>
                <a:lnTo>
                  <a:pt x="4690580" y="6040435"/>
                </a:lnTo>
                <a:close/>
                <a:moveTo>
                  <a:pt x="4476678" y="6040435"/>
                </a:moveTo>
                <a:lnTo>
                  <a:pt x="4476678" y="6111736"/>
                </a:lnTo>
                <a:lnTo>
                  <a:pt x="4547979" y="6111736"/>
                </a:lnTo>
                <a:lnTo>
                  <a:pt x="4547979" y="6040435"/>
                </a:lnTo>
                <a:close/>
                <a:moveTo>
                  <a:pt x="4334005" y="6040435"/>
                </a:moveTo>
                <a:lnTo>
                  <a:pt x="4334005" y="6111736"/>
                </a:lnTo>
                <a:lnTo>
                  <a:pt x="4405306" y="6111736"/>
                </a:lnTo>
                <a:lnTo>
                  <a:pt x="4405306" y="6040435"/>
                </a:lnTo>
                <a:close/>
                <a:moveTo>
                  <a:pt x="4191404" y="6040435"/>
                </a:moveTo>
                <a:lnTo>
                  <a:pt x="4191404" y="6111736"/>
                </a:lnTo>
                <a:lnTo>
                  <a:pt x="4262705" y="6111736"/>
                </a:lnTo>
                <a:lnTo>
                  <a:pt x="4262705" y="6040435"/>
                </a:lnTo>
                <a:close/>
                <a:moveTo>
                  <a:pt x="4048731" y="6040435"/>
                </a:moveTo>
                <a:lnTo>
                  <a:pt x="4048731" y="6111736"/>
                </a:lnTo>
                <a:lnTo>
                  <a:pt x="4120032" y="6111736"/>
                </a:lnTo>
                <a:lnTo>
                  <a:pt x="4120032" y="6040435"/>
                </a:lnTo>
                <a:close/>
                <a:moveTo>
                  <a:pt x="3906059" y="6040435"/>
                </a:moveTo>
                <a:lnTo>
                  <a:pt x="3906059" y="6111736"/>
                </a:lnTo>
                <a:lnTo>
                  <a:pt x="3977360" y="6111736"/>
                </a:lnTo>
                <a:lnTo>
                  <a:pt x="3977360" y="6040435"/>
                </a:lnTo>
                <a:close/>
                <a:moveTo>
                  <a:pt x="3763457" y="6040435"/>
                </a:moveTo>
                <a:lnTo>
                  <a:pt x="3763457" y="6111736"/>
                </a:lnTo>
                <a:lnTo>
                  <a:pt x="3834758" y="6111736"/>
                </a:lnTo>
                <a:lnTo>
                  <a:pt x="3834758" y="6040435"/>
                </a:lnTo>
                <a:close/>
                <a:moveTo>
                  <a:pt x="3620784" y="6040435"/>
                </a:moveTo>
                <a:lnTo>
                  <a:pt x="3620784" y="6111736"/>
                </a:lnTo>
                <a:lnTo>
                  <a:pt x="3692085" y="6111736"/>
                </a:lnTo>
                <a:lnTo>
                  <a:pt x="3692085" y="6040435"/>
                </a:lnTo>
                <a:close/>
                <a:moveTo>
                  <a:pt x="3478184" y="6040435"/>
                </a:moveTo>
                <a:lnTo>
                  <a:pt x="3478184" y="6111736"/>
                </a:lnTo>
                <a:lnTo>
                  <a:pt x="3549484" y="6111736"/>
                </a:lnTo>
                <a:lnTo>
                  <a:pt x="3549484" y="6040435"/>
                </a:lnTo>
                <a:close/>
                <a:moveTo>
                  <a:pt x="3335511" y="6040435"/>
                </a:moveTo>
                <a:lnTo>
                  <a:pt x="3335511" y="6111736"/>
                </a:lnTo>
                <a:lnTo>
                  <a:pt x="3406811" y="6111736"/>
                </a:lnTo>
                <a:lnTo>
                  <a:pt x="3406811" y="6040435"/>
                </a:lnTo>
                <a:close/>
                <a:moveTo>
                  <a:pt x="3192839" y="6040435"/>
                </a:moveTo>
                <a:lnTo>
                  <a:pt x="3192839" y="6111736"/>
                </a:lnTo>
                <a:lnTo>
                  <a:pt x="3264139" y="6111736"/>
                </a:lnTo>
                <a:lnTo>
                  <a:pt x="3264139" y="6040435"/>
                </a:lnTo>
                <a:close/>
                <a:moveTo>
                  <a:pt x="3050237" y="6040435"/>
                </a:moveTo>
                <a:lnTo>
                  <a:pt x="3050237" y="6111736"/>
                </a:lnTo>
                <a:lnTo>
                  <a:pt x="3121537" y="6111736"/>
                </a:lnTo>
                <a:lnTo>
                  <a:pt x="3121537" y="6040435"/>
                </a:lnTo>
                <a:close/>
                <a:moveTo>
                  <a:pt x="2907564" y="6040435"/>
                </a:moveTo>
                <a:lnTo>
                  <a:pt x="2907564" y="6111736"/>
                </a:lnTo>
                <a:lnTo>
                  <a:pt x="2978865" y="6111736"/>
                </a:lnTo>
                <a:lnTo>
                  <a:pt x="2978865" y="6040435"/>
                </a:lnTo>
                <a:close/>
                <a:moveTo>
                  <a:pt x="2764962" y="6040435"/>
                </a:moveTo>
                <a:lnTo>
                  <a:pt x="2764962" y="6111736"/>
                </a:lnTo>
                <a:lnTo>
                  <a:pt x="2836263" y="6111736"/>
                </a:lnTo>
                <a:lnTo>
                  <a:pt x="2836263" y="6040435"/>
                </a:lnTo>
                <a:close/>
                <a:moveTo>
                  <a:pt x="2622291" y="6040435"/>
                </a:moveTo>
                <a:lnTo>
                  <a:pt x="2622291" y="6111736"/>
                </a:lnTo>
                <a:lnTo>
                  <a:pt x="2693591" y="6111736"/>
                </a:lnTo>
                <a:lnTo>
                  <a:pt x="2693591" y="6040435"/>
                </a:lnTo>
                <a:close/>
                <a:moveTo>
                  <a:pt x="2479688" y="6040435"/>
                </a:moveTo>
                <a:lnTo>
                  <a:pt x="2479688" y="6111736"/>
                </a:lnTo>
                <a:lnTo>
                  <a:pt x="2550990" y="6111736"/>
                </a:lnTo>
                <a:lnTo>
                  <a:pt x="2550990" y="6040435"/>
                </a:lnTo>
                <a:close/>
                <a:moveTo>
                  <a:pt x="2337016" y="6040435"/>
                </a:moveTo>
                <a:lnTo>
                  <a:pt x="2337016" y="6111736"/>
                </a:lnTo>
                <a:lnTo>
                  <a:pt x="2408317" y="6111736"/>
                </a:lnTo>
                <a:lnTo>
                  <a:pt x="2408317" y="6040435"/>
                </a:lnTo>
                <a:close/>
                <a:moveTo>
                  <a:pt x="2195429" y="6040435"/>
                </a:moveTo>
                <a:lnTo>
                  <a:pt x="2195429" y="6111736"/>
                </a:lnTo>
                <a:lnTo>
                  <a:pt x="2266731" y="6111736"/>
                </a:lnTo>
                <a:lnTo>
                  <a:pt x="2266731" y="6040435"/>
                </a:lnTo>
                <a:close/>
                <a:moveTo>
                  <a:pt x="2052828" y="6040435"/>
                </a:moveTo>
                <a:lnTo>
                  <a:pt x="2052828" y="6111736"/>
                </a:lnTo>
                <a:lnTo>
                  <a:pt x="2124128" y="6111736"/>
                </a:lnTo>
                <a:lnTo>
                  <a:pt x="2124128" y="6040435"/>
                </a:lnTo>
                <a:close/>
                <a:moveTo>
                  <a:pt x="1910155" y="6040435"/>
                </a:moveTo>
                <a:lnTo>
                  <a:pt x="1910155" y="6111736"/>
                </a:lnTo>
                <a:lnTo>
                  <a:pt x="1981455" y="6111736"/>
                </a:lnTo>
                <a:lnTo>
                  <a:pt x="1981455" y="6040435"/>
                </a:lnTo>
                <a:close/>
                <a:moveTo>
                  <a:pt x="1767483" y="6040435"/>
                </a:moveTo>
                <a:lnTo>
                  <a:pt x="1767483" y="6111736"/>
                </a:lnTo>
                <a:lnTo>
                  <a:pt x="1838783" y="6111736"/>
                </a:lnTo>
                <a:lnTo>
                  <a:pt x="1838783" y="6040435"/>
                </a:lnTo>
                <a:close/>
                <a:moveTo>
                  <a:pt x="1624882" y="6040435"/>
                </a:moveTo>
                <a:lnTo>
                  <a:pt x="1624882" y="6111736"/>
                </a:lnTo>
                <a:lnTo>
                  <a:pt x="1696183" y="6111736"/>
                </a:lnTo>
                <a:lnTo>
                  <a:pt x="1696183" y="6040435"/>
                </a:lnTo>
                <a:close/>
                <a:moveTo>
                  <a:pt x="1482218" y="6040435"/>
                </a:moveTo>
                <a:lnTo>
                  <a:pt x="1482218" y="6111736"/>
                </a:lnTo>
                <a:lnTo>
                  <a:pt x="1553511" y="6111736"/>
                </a:lnTo>
                <a:lnTo>
                  <a:pt x="1553511" y="6040435"/>
                </a:lnTo>
                <a:close/>
                <a:moveTo>
                  <a:pt x="1339621" y="6040435"/>
                </a:moveTo>
                <a:lnTo>
                  <a:pt x="1339621" y="6111736"/>
                </a:lnTo>
                <a:lnTo>
                  <a:pt x="1410920" y="6111736"/>
                </a:lnTo>
                <a:lnTo>
                  <a:pt x="1410920" y="6040435"/>
                </a:lnTo>
                <a:close/>
                <a:moveTo>
                  <a:pt x="1196948" y="6040435"/>
                </a:moveTo>
                <a:lnTo>
                  <a:pt x="1196948" y="6111736"/>
                </a:lnTo>
                <a:lnTo>
                  <a:pt x="1268245" y="6111736"/>
                </a:lnTo>
                <a:lnTo>
                  <a:pt x="1268245" y="6040435"/>
                </a:lnTo>
                <a:close/>
                <a:moveTo>
                  <a:pt x="1054277" y="6040435"/>
                </a:moveTo>
                <a:lnTo>
                  <a:pt x="1054277" y="6111736"/>
                </a:lnTo>
                <a:lnTo>
                  <a:pt x="1125575" y="6111736"/>
                </a:lnTo>
                <a:lnTo>
                  <a:pt x="1125575" y="6040435"/>
                </a:lnTo>
                <a:close/>
                <a:moveTo>
                  <a:pt x="911663" y="6040435"/>
                </a:moveTo>
                <a:lnTo>
                  <a:pt x="911663" y="6111736"/>
                </a:lnTo>
                <a:lnTo>
                  <a:pt x="982964" y="6111736"/>
                </a:lnTo>
                <a:lnTo>
                  <a:pt x="982964" y="6040435"/>
                </a:lnTo>
                <a:close/>
                <a:moveTo>
                  <a:pt x="6857645" y="0"/>
                </a:moveTo>
                <a:lnTo>
                  <a:pt x="9497977" y="0"/>
                </a:lnTo>
                <a:lnTo>
                  <a:pt x="9497977" y="6857968"/>
                </a:lnTo>
                <a:lnTo>
                  <a:pt x="0" y="6857968"/>
                </a:lnTo>
                <a:lnTo>
                  <a:pt x="341118" y="6516838"/>
                </a:lnTo>
                <a:lnTo>
                  <a:pt x="341118" y="6545648"/>
                </a:lnTo>
                <a:lnTo>
                  <a:pt x="412416" y="6545648"/>
                </a:lnTo>
                <a:lnTo>
                  <a:pt x="412416" y="6474347"/>
                </a:lnTo>
                <a:lnTo>
                  <a:pt x="383607" y="6474347"/>
                </a:lnTo>
                <a:lnTo>
                  <a:pt x="483718" y="6374231"/>
                </a:lnTo>
                <a:lnTo>
                  <a:pt x="483718" y="6397010"/>
                </a:lnTo>
                <a:lnTo>
                  <a:pt x="555020" y="6397010"/>
                </a:lnTo>
                <a:lnTo>
                  <a:pt x="555020" y="6325709"/>
                </a:lnTo>
                <a:lnTo>
                  <a:pt x="532239" y="6325709"/>
                </a:lnTo>
                <a:lnTo>
                  <a:pt x="626392" y="6231552"/>
                </a:lnTo>
                <a:lnTo>
                  <a:pt x="626392" y="6254408"/>
                </a:lnTo>
                <a:lnTo>
                  <a:pt x="697691" y="6254408"/>
                </a:lnTo>
                <a:lnTo>
                  <a:pt x="697691" y="6183107"/>
                </a:lnTo>
                <a:lnTo>
                  <a:pt x="674833" y="6183107"/>
                </a:lnTo>
                <a:lnTo>
                  <a:pt x="769001" y="6088935"/>
                </a:lnTo>
                <a:lnTo>
                  <a:pt x="769001" y="6111736"/>
                </a:lnTo>
                <a:lnTo>
                  <a:pt x="840303" y="6111736"/>
                </a:lnTo>
                <a:lnTo>
                  <a:pt x="840303" y="6040435"/>
                </a:lnTo>
                <a:lnTo>
                  <a:pt x="817496" y="6040435"/>
                </a:lnTo>
                <a:close/>
              </a:path>
            </a:pathLst>
          </a:custGeom>
          <a:solidFill>
            <a:schemeClr val="bg2"/>
          </a:solidFill>
          <a:ln>
            <a:noFill/>
          </a:ln>
        </p:spPr>
        <p:txBody>
          <a:bodyPr wrap="square">
            <a:noAutofit/>
          </a:bodyPr>
          <a:lstStyle>
            <a:lvl1pPr marL="0" indent="0" algn="r">
              <a:buNone/>
              <a:defRPr sz="2000"/>
            </a:lvl1pPr>
          </a:lstStyle>
          <a:p>
            <a:endParaRPr lang="en-GB" sz="2800" i="1">
              <a:solidFill>
                <a:srgbClr val="000000"/>
              </a:solidFill>
              <a:effectLst/>
              <a:latin typeface="Arial" panose="020B0604020202020204" pitchFamily="34" charset="0"/>
            </a:endParaRPr>
          </a:p>
          <a:p>
            <a:endParaRPr lang="en-GB" sz="2800" i="1">
              <a:solidFill>
                <a:srgbClr val="000000"/>
              </a:solidFill>
              <a:effectLst/>
              <a:latin typeface="Arial" panose="020B0604020202020204" pitchFamily="34" charset="0"/>
            </a:endParaRPr>
          </a:p>
          <a:p>
            <a:endParaRPr lang="en-GB" sz="2800" i="1">
              <a:solidFill>
                <a:srgbClr val="000000"/>
              </a:solidFill>
              <a:effectLst/>
              <a:latin typeface="Arial" panose="020B0604020202020204" pitchFamily="34" charset="0"/>
            </a:endParaRPr>
          </a:p>
          <a:p>
            <a:endParaRPr lang="en-GB" sz="2800" i="1">
              <a:solidFill>
                <a:srgbClr val="000000"/>
              </a:solidFill>
              <a:effectLst/>
              <a:latin typeface="Arial" panose="020B0604020202020204" pitchFamily="34" charset="0"/>
            </a:endParaRPr>
          </a:p>
          <a:p>
            <a:endParaRPr lang="en-GB" sz="2800" i="1">
              <a:solidFill>
                <a:srgbClr val="000000"/>
              </a:solidFill>
              <a:effectLst/>
              <a:latin typeface="Arial" panose="020B0604020202020204" pitchFamily="34" charset="0"/>
            </a:endParaRPr>
          </a:p>
          <a:p>
            <a:endParaRPr lang="en-GB" sz="2800" i="1">
              <a:solidFill>
                <a:srgbClr val="000000"/>
              </a:solidFill>
              <a:effectLst/>
              <a:latin typeface="Arial" panose="020B0604020202020204" pitchFamily="34" charset="0"/>
            </a:endParaRPr>
          </a:p>
          <a:p>
            <a:endParaRPr lang="en-GB" sz="2800" i="1">
              <a:solidFill>
                <a:srgbClr val="000000"/>
              </a:solidFill>
              <a:effectLst/>
              <a:latin typeface="Arial" panose="020B0604020202020204" pitchFamily="34" charset="0"/>
            </a:endParaRPr>
          </a:p>
          <a:p>
            <a:endParaRPr lang="en-GB" sz="2800" i="1">
              <a:solidFill>
                <a:srgbClr val="000000"/>
              </a:solidFill>
              <a:effectLst/>
              <a:latin typeface="Arial" panose="020B0604020202020204" pitchFamily="34" charset="0"/>
            </a:endParaRPr>
          </a:p>
          <a:p>
            <a:endParaRPr lang="en-GB" sz="2800" i="1">
              <a:solidFill>
                <a:srgbClr val="000000"/>
              </a:solidFill>
              <a:effectLst/>
              <a:latin typeface="Arial" panose="020B0604020202020204" pitchFamily="34" charset="0"/>
            </a:endParaRPr>
          </a:p>
          <a:p>
            <a:r>
              <a:rPr lang="nl-NL" sz="2800" i="1" noProof="0">
                <a:solidFill>
                  <a:srgbClr val="000000"/>
                </a:solidFill>
                <a:effectLst/>
                <a:latin typeface="Arial" panose="020B0604020202020204" pitchFamily="34" charset="0"/>
              </a:rPr>
              <a:t>Klik hier en kies een afbeelding</a:t>
            </a:r>
            <a:r>
              <a:rPr lang="en-GB" sz="2800" i="1">
                <a:solidFill>
                  <a:srgbClr val="000000"/>
                </a:solidFill>
                <a:effectLst/>
                <a:latin typeface="Arial" panose="020B0604020202020204" pitchFamily="34" charset="0"/>
              </a:rPr>
              <a:t> </a:t>
            </a:r>
            <a:r>
              <a:rPr lang="nl-NL" sz="2800" i="1" noProof="0">
                <a:solidFill>
                  <a:srgbClr val="000000"/>
                </a:solidFill>
                <a:effectLst/>
                <a:latin typeface="Arial" panose="020B0604020202020204" pitchFamily="34" charset="0"/>
              </a:rPr>
              <a:t>uit de</a:t>
            </a:r>
            <a:br>
              <a:rPr lang="en-GB" sz="2800" i="1">
                <a:solidFill>
                  <a:srgbClr val="000000"/>
                </a:solidFill>
                <a:effectLst/>
                <a:latin typeface="Arial" panose="020B0604020202020204" pitchFamily="34" charset="0"/>
              </a:rPr>
            </a:br>
            <a:r>
              <a:rPr lang="nl-NL" sz="2800" i="1" noProof="0">
                <a:solidFill>
                  <a:srgbClr val="000000"/>
                </a:solidFill>
                <a:effectLst/>
                <a:latin typeface="Arial" panose="020B0604020202020204" pitchFamily="34" charset="0"/>
              </a:rPr>
              <a:t>Templafy bibliotheek óf klik</a:t>
            </a:r>
            <a:r>
              <a:rPr lang="en-GB" sz="2800" i="1">
                <a:solidFill>
                  <a:srgbClr val="000000"/>
                </a:solidFill>
                <a:effectLst/>
                <a:latin typeface="Arial" panose="020B0604020202020204" pitchFamily="34" charset="0"/>
              </a:rPr>
              <a:t> </a:t>
            </a:r>
            <a:r>
              <a:rPr lang="nl-NL" sz="2800" i="1" noProof="0">
                <a:solidFill>
                  <a:srgbClr val="000000"/>
                </a:solidFill>
                <a:effectLst/>
                <a:latin typeface="Arial" panose="020B0604020202020204" pitchFamily="34" charset="0"/>
              </a:rPr>
              <a:t>met de rechtermuisknop </a:t>
            </a:r>
            <a:br>
              <a:rPr lang="nl-NL" sz="2800" i="1" noProof="0">
                <a:solidFill>
                  <a:srgbClr val="000000"/>
                </a:solidFill>
                <a:effectLst/>
                <a:latin typeface="Arial" panose="020B0604020202020204" pitchFamily="34" charset="0"/>
              </a:rPr>
            </a:br>
            <a:r>
              <a:rPr lang="nl-NL" sz="2800" i="1" noProof="0">
                <a:solidFill>
                  <a:srgbClr val="000000"/>
                </a:solidFill>
                <a:effectLst/>
                <a:latin typeface="Arial" panose="020B0604020202020204" pitchFamily="34" charset="0"/>
              </a:rPr>
              <a:t>en kies voor Opvulling &gt; Afbeelding</a:t>
            </a:r>
            <a:endParaRPr lang="nl-NL" noProof="0"/>
          </a:p>
        </p:txBody>
      </p:sp>
      <p:sp>
        <p:nvSpPr>
          <p:cNvPr id="2" name="Titel 1">
            <a:extLst>
              <a:ext uri="{FF2B5EF4-FFF2-40B4-BE49-F238E27FC236}">
                <a16:creationId xmlns:a16="http://schemas.microsoft.com/office/drawing/2014/main" id="{4E5C8C94-6483-5F44-A214-6BBE58E30B33}"/>
              </a:ext>
            </a:extLst>
          </p:cNvPr>
          <p:cNvSpPr>
            <a:spLocks noGrp="1"/>
          </p:cNvSpPr>
          <p:nvPr>
            <p:ph type="ctrTitle" hasCustomPrompt="1"/>
          </p:nvPr>
        </p:nvSpPr>
        <p:spPr>
          <a:xfrm>
            <a:off x="631825" y="313067"/>
            <a:ext cx="9531678" cy="2387600"/>
          </a:xfrm>
        </p:spPr>
        <p:txBody>
          <a:bodyPr anchor="b">
            <a:noAutofit/>
          </a:bodyPr>
          <a:lstStyle>
            <a:lvl1pPr algn="l">
              <a:defRPr sz="6000">
                <a:solidFill>
                  <a:schemeClr val="accent1"/>
                </a:solidFill>
              </a:defRPr>
            </a:lvl1pPr>
          </a:lstStyle>
          <a:p>
            <a:r>
              <a:rPr lang="nl-NL"/>
              <a:t>Voeg titel toe</a:t>
            </a:r>
          </a:p>
        </p:txBody>
      </p:sp>
      <p:sp>
        <p:nvSpPr>
          <p:cNvPr id="3" name="Ondertitel 2">
            <a:extLst>
              <a:ext uri="{FF2B5EF4-FFF2-40B4-BE49-F238E27FC236}">
                <a16:creationId xmlns:a16="http://schemas.microsoft.com/office/drawing/2014/main" id="{D28D2045-79CC-614D-BA13-696E7AAAEE4A}"/>
              </a:ext>
            </a:extLst>
          </p:cNvPr>
          <p:cNvSpPr>
            <a:spLocks noGrp="1"/>
          </p:cNvSpPr>
          <p:nvPr>
            <p:ph type="subTitle" idx="1" hasCustomPrompt="1"/>
          </p:nvPr>
        </p:nvSpPr>
        <p:spPr>
          <a:xfrm>
            <a:off x="631825" y="2876824"/>
            <a:ext cx="9531678" cy="165576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29" name="Freeform: Shape 28">
            <a:extLst>
              <a:ext uri="{FF2B5EF4-FFF2-40B4-BE49-F238E27FC236}">
                <a16:creationId xmlns:a16="http://schemas.microsoft.com/office/drawing/2014/main" id="{7CFB27A8-9C4A-461D-9970-77857B17D290}"/>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0" name="Freeform: Shape 29">
            <a:extLst>
              <a:ext uri="{FF2B5EF4-FFF2-40B4-BE49-F238E27FC236}">
                <a16:creationId xmlns:a16="http://schemas.microsoft.com/office/drawing/2014/main" id="{DB080469-7312-4D9A-97F8-76CC0D697DCA}"/>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1" name="Freeform: Shape 30">
            <a:extLst>
              <a:ext uri="{FF2B5EF4-FFF2-40B4-BE49-F238E27FC236}">
                <a16:creationId xmlns:a16="http://schemas.microsoft.com/office/drawing/2014/main" id="{1917E6CC-D4C4-4A9E-961D-0B948335C1D5}"/>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2" name="Freeform: Shape 31">
            <a:extLst>
              <a:ext uri="{FF2B5EF4-FFF2-40B4-BE49-F238E27FC236}">
                <a16:creationId xmlns:a16="http://schemas.microsoft.com/office/drawing/2014/main" id="{E0CC0964-109E-4724-9CBD-9C5E8E1259E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3" name="Freeform: Shape 32">
            <a:extLst>
              <a:ext uri="{FF2B5EF4-FFF2-40B4-BE49-F238E27FC236}">
                <a16:creationId xmlns:a16="http://schemas.microsoft.com/office/drawing/2014/main" id="{BAA75C3C-7293-4F05-A284-5A879C55898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4" name="Freeform: Shape 33">
            <a:extLst>
              <a:ext uri="{FF2B5EF4-FFF2-40B4-BE49-F238E27FC236}">
                <a16:creationId xmlns:a16="http://schemas.microsoft.com/office/drawing/2014/main" id="{32BC5C39-F12F-4182-BF69-2195D6B83D8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5" name="Freeform: Shape 34">
            <a:extLst>
              <a:ext uri="{FF2B5EF4-FFF2-40B4-BE49-F238E27FC236}">
                <a16:creationId xmlns:a16="http://schemas.microsoft.com/office/drawing/2014/main" id="{E586304D-0D32-4355-AFB8-EE1B95429126}"/>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6" name="Freeform: Shape 35">
            <a:extLst>
              <a:ext uri="{FF2B5EF4-FFF2-40B4-BE49-F238E27FC236}">
                <a16:creationId xmlns:a16="http://schemas.microsoft.com/office/drawing/2014/main" id="{E46081E0-F5F3-471B-BD58-FAE737F9B87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7" name="Freeform: Shape 36">
            <a:extLst>
              <a:ext uri="{FF2B5EF4-FFF2-40B4-BE49-F238E27FC236}">
                <a16:creationId xmlns:a16="http://schemas.microsoft.com/office/drawing/2014/main" id="{4977F8C8-F8D3-467D-ADC4-D72F1CD86B0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8" name="Freeform: Shape 37">
            <a:extLst>
              <a:ext uri="{FF2B5EF4-FFF2-40B4-BE49-F238E27FC236}">
                <a16:creationId xmlns:a16="http://schemas.microsoft.com/office/drawing/2014/main" id="{ADF03386-67A2-4DA1-933B-68ACD7DB726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19" name="Date Placeholder 3">
            <a:extLst>
              <a:ext uri="{FF2B5EF4-FFF2-40B4-BE49-F238E27FC236}">
                <a16:creationId xmlns:a16="http://schemas.microsoft.com/office/drawing/2014/main" id="{29DD2B6B-C0F3-41B0-A2D9-6E3EF76A5C8A}"/>
              </a:ext>
            </a:extLst>
          </p:cNvPr>
          <p:cNvSpPr>
            <a:spLocks noGrp="1"/>
          </p:cNvSpPr>
          <p:nvPr>
            <p:ph type="dt" sz="half" idx="10"/>
          </p:nvPr>
        </p:nvSpPr>
        <p:spPr>
          <a:xfrm>
            <a:off x="631825" y="7165952"/>
            <a:ext cx="832104" cy="200055"/>
          </a:xfrm>
        </p:spPr>
        <p:txBody>
          <a:bodyPr/>
          <a:lstStyle/>
          <a:p>
            <a:fld id="{4FC09DFC-B8F8-4958-9D34-83C08EAA181D}" type="datetime1">
              <a:rPr lang="nl-NL" noProof="0" smtClean="0"/>
              <a:t>15-03-2025</a:t>
            </a:fld>
            <a:endParaRPr lang="nl-NL" noProof="0"/>
          </a:p>
        </p:txBody>
      </p:sp>
      <p:sp>
        <p:nvSpPr>
          <p:cNvPr id="20" name="Footer Placeholder 4">
            <a:extLst>
              <a:ext uri="{FF2B5EF4-FFF2-40B4-BE49-F238E27FC236}">
                <a16:creationId xmlns:a16="http://schemas.microsoft.com/office/drawing/2014/main" id="{F758635A-2F43-40A4-AC11-905BFDC316D7}"/>
              </a:ext>
            </a:extLst>
          </p:cNvPr>
          <p:cNvSpPr>
            <a:spLocks noGrp="1"/>
          </p:cNvSpPr>
          <p:nvPr>
            <p:ph type="ftr" sz="quarter" idx="11"/>
          </p:nvPr>
        </p:nvSpPr>
        <p:spPr>
          <a:xfrm>
            <a:off x="1562356" y="7165951"/>
            <a:ext cx="8694253" cy="200055"/>
          </a:xfrm>
        </p:spPr>
        <p:txBody>
          <a:bodyPr/>
          <a:lstStyle/>
          <a:p>
            <a:endParaRPr lang="nl-NL" noProof="0"/>
          </a:p>
        </p:txBody>
      </p:sp>
      <p:sp>
        <p:nvSpPr>
          <p:cNvPr id="21" name="Slide Number Placeholder 5">
            <a:extLst>
              <a:ext uri="{FF2B5EF4-FFF2-40B4-BE49-F238E27FC236}">
                <a16:creationId xmlns:a16="http://schemas.microsoft.com/office/drawing/2014/main" id="{E68BCCDE-037F-4221-9C3C-8648B1A6C143}"/>
              </a:ext>
            </a:extLst>
          </p:cNvPr>
          <p:cNvSpPr>
            <a:spLocks noGrp="1"/>
          </p:cNvSpPr>
          <p:nvPr>
            <p:ph type="sldNum" sz="quarter" idx="12"/>
          </p:nvPr>
        </p:nvSpPr>
        <p:spPr>
          <a:xfrm>
            <a:off x="10355036" y="7165953"/>
            <a:ext cx="486000" cy="200055"/>
          </a:xfrm>
        </p:spPr>
        <p:txBody>
          <a:bodyPr/>
          <a:lstStyle/>
          <a:p>
            <a:fld id="{83D1311D-0AF4-BF42-8BF9-EAD1FE65203C}" type="slidenum">
              <a:rPr lang="nl-NL" noProof="0" smtClean="0"/>
              <a:pPr/>
              <a:t>‹nr.›</a:t>
            </a:fld>
            <a:endParaRPr lang="nl-NL" noProof="0"/>
          </a:p>
        </p:txBody>
      </p:sp>
      <p:sp>
        <p:nvSpPr>
          <p:cNvPr id="446" name="Text Placeholder 2059">
            <a:extLst>
              <a:ext uri="{FF2B5EF4-FFF2-40B4-BE49-F238E27FC236}">
                <a16:creationId xmlns:a16="http://schemas.microsoft.com/office/drawing/2014/main" id="{B4005224-3F47-4576-9D58-87DDA0FD3DB5}"/>
              </a:ext>
            </a:extLst>
          </p:cNvPr>
          <p:cNvSpPr>
            <a:spLocks noGrp="1"/>
          </p:cNvSpPr>
          <p:nvPr>
            <p:ph type="body" sz="quarter" idx="15" hasCustomPrompt="1"/>
          </p:nvPr>
        </p:nvSpPr>
        <p:spPr>
          <a:xfrm>
            <a:off x="10318971" y="6026149"/>
            <a:ext cx="1566642" cy="617539"/>
          </a:xfrm>
          <a:blipFill dpi="0" rotWithShape="1">
            <a:blip r:embed="rId2">
              <a:extLst>
                <a:ext uri="{28A0092B-C50C-407E-A947-70E740481C1C}">
                  <a14:useLocalDpi xmlns:a14="http://schemas.microsoft.com/office/drawing/2010/main" val="0"/>
                </a:ext>
              </a:extLst>
            </a:blip>
            <a:srcRect/>
            <a:stretch>
              <a:fillRect/>
            </a:stretch>
          </a:blipFill>
        </p:spPr>
        <p:txBody>
          <a:bodyPr/>
          <a:lstStyle>
            <a:lvl1pPr marL="0" indent="0">
              <a:buNone/>
              <a:defRPr/>
            </a:lvl1pPr>
          </a:lstStyle>
          <a:p>
            <a:pPr lvl="0"/>
            <a:r>
              <a:rPr lang="nl-NL" noProof="0"/>
              <a:t> </a:t>
            </a:r>
          </a:p>
        </p:txBody>
      </p:sp>
    </p:spTree>
    <p:extLst>
      <p:ext uri="{BB962C8B-B14F-4D97-AF65-F5344CB8AC3E}">
        <p14:creationId xmlns:p14="http://schemas.microsoft.com/office/powerpoint/2010/main" val="93689339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eldia met afbeelding (alternatief)">
    <p:spTree>
      <p:nvGrpSpPr>
        <p:cNvPr id="1" name=""/>
        <p:cNvGrpSpPr/>
        <p:nvPr/>
      </p:nvGrpSpPr>
      <p:grpSpPr>
        <a:xfrm>
          <a:off x="0" y="0"/>
          <a:ext cx="0" cy="0"/>
          <a:chOff x="0" y="0"/>
          <a:chExt cx="0" cy="0"/>
        </a:xfrm>
      </p:grpSpPr>
      <p:sp>
        <p:nvSpPr>
          <p:cNvPr id="293" name="Picture Placeholder 647">
            <a:extLst>
              <a:ext uri="{FF2B5EF4-FFF2-40B4-BE49-F238E27FC236}">
                <a16:creationId xmlns:a16="http://schemas.microsoft.com/office/drawing/2014/main" id="{34E9255F-4BD2-4449-A3CE-FB90ADC96F74}"/>
              </a:ext>
            </a:extLst>
          </p:cNvPr>
          <p:cNvSpPr>
            <a:spLocks noGrp="1"/>
          </p:cNvSpPr>
          <p:nvPr>
            <p:ph type="pic" sz="quarter" idx="16" hasCustomPrompt="1"/>
          </p:nvPr>
        </p:nvSpPr>
        <p:spPr bwMode="auto">
          <a:xfrm>
            <a:off x="5382839" y="51489"/>
            <a:ext cx="6809163" cy="6806511"/>
          </a:xfrm>
          <a:custGeom>
            <a:avLst/>
            <a:gdLst>
              <a:gd name="connsiteX0" fmla="*/ 3659391 w 6809163"/>
              <a:gd name="connsiteY0" fmla="*/ 6443281 h 6826901"/>
              <a:gd name="connsiteX1" fmla="*/ 3659391 w 6809163"/>
              <a:gd name="connsiteY1" fmla="*/ 6514582 h 6826901"/>
              <a:gd name="connsiteX2" fmla="*/ 3730692 w 6809163"/>
              <a:gd name="connsiteY2" fmla="*/ 6514582 h 6826901"/>
              <a:gd name="connsiteX3" fmla="*/ 3730692 w 6809163"/>
              <a:gd name="connsiteY3" fmla="*/ 6443281 h 6826901"/>
              <a:gd name="connsiteX4" fmla="*/ 3516789 w 6809163"/>
              <a:gd name="connsiteY4" fmla="*/ 6443281 h 6826901"/>
              <a:gd name="connsiteX5" fmla="*/ 3516789 w 6809163"/>
              <a:gd name="connsiteY5" fmla="*/ 6514582 h 6826901"/>
              <a:gd name="connsiteX6" fmla="*/ 3588090 w 6809163"/>
              <a:gd name="connsiteY6" fmla="*/ 6514582 h 6826901"/>
              <a:gd name="connsiteX7" fmla="*/ 3588090 w 6809163"/>
              <a:gd name="connsiteY7" fmla="*/ 6443281 h 6826901"/>
              <a:gd name="connsiteX8" fmla="*/ 3374117 w 6809163"/>
              <a:gd name="connsiteY8" fmla="*/ 6443281 h 6826901"/>
              <a:gd name="connsiteX9" fmla="*/ 3374117 w 6809163"/>
              <a:gd name="connsiteY9" fmla="*/ 6514582 h 6826901"/>
              <a:gd name="connsiteX10" fmla="*/ 3445417 w 6809163"/>
              <a:gd name="connsiteY10" fmla="*/ 6514582 h 6826901"/>
              <a:gd name="connsiteX11" fmla="*/ 3445417 w 6809163"/>
              <a:gd name="connsiteY11" fmla="*/ 6443281 h 6826901"/>
              <a:gd name="connsiteX12" fmla="*/ 3231444 w 6809163"/>
              <a:gd name="connsiteY12" fmla="*/ 6443281 h 6826901"/>
              <a:gd name="connsiteX13" fmla="*/ 3231444 w 6809163"/>
              <a:gd name="connsiteY13" fmla="*/ 6514582 h 6826901"/>
              <a:gd name="connsiteX14" fmla="*/ 3302745 w 6809163"/>
              <a:gd name="connsiteY14" fmla="*/ 6514582 h 6826901"/>
              <a:gd name="connsiteX15" fmla="*/ 3302745 w 6809163"/>
              <a:gd name="connsiteY15" fmla="*/ 6443281 h 6826901"/>
              <a:gd name="connsiteX16" fmla="*/ 3088843 w 6809163"/>
              <a:gd name="connsiteY16" fmla="*/ 6443281 h 6826901"/>
              <a:gd name="connsiteX17" fmla="*/ 3088843 w 6809163"/>
              <a:gd name="connsiteY17" fmla="*/ 6514582 h 6826901"/>
              <a:gd name="connsiteX18" fmla="*/ 3160144 w 6809163"/>
              <a:gd name="connsiteY18" fmla="*/ 6514582 h 6826901"/>
              <a:gd name="connsiteX19" fmla="*/ 3160144 w 6809163"/>
              <a:gd name="connsiteY19" fmla="*/ 6443281 h 6826901"/>
              <a:gd name="connsiteX20" fmla="*/ 2946170 w 6809163"/>
              <a:gd name="connsiteY20" fmla="*/ 6443281 h 6826901"/>
              <a:gd name="connsiteX21" fmla="*/ 2946170 w 6809163"/>
              <a:gd name="connsiteY21" fmla="*/ 6514582 h 6826901"/>
              <a:gd name="connsiteX22" fmla="*/ 3017471 w 6809163"/>
              <a:gd name="connsiteY22" fmla="*/ 6514582 h 6826901"/>
              <a:gd name="connsiteX23" fmla="*/ 3017471 w 6809163"/>
              <a:gd name="connsiteY23" fmla="*/ 6443281 h 6826901"/>
              <a:gd name="connsiteX24" fmla="*/ 2803569 w 6809163"/>
              <a:gd name="connsiteY24" fmla="*/ 6443281 h 6826901"/>
              <a:gd name="connsiteX25" fmla="*/ 2803569 w 6809163"/>
              <a:gd name="connsiteY25" fmla="*/ 6514582 h 6826901"/>
              <a:gd name="connsiteX26" fmla="*/ 2874870 w 6809163"/>
              <a:gd name="connsiteY26" fmla="*/ 6514582 h 6826901"/>
              <a:gd name="connsiteX27" fmla="*/ 2874870 w 6809163"/>
              <a:gd name="connsiteY27" fmla="*/ 6443281 h 6826901"/>
              <a:gd name="connsiteX28" fmla="*/ 2660896 w 6809163"/>
              <a:gd name="connsiteY28" fmla="*/ 6443281 h 6826901"/>
              <a:gd name="connsiteX29" fmla="*/ 2660896 w 6809163"/>
              <a:gd name="connsiteY29" fmla="*/ 6514582 h 6826901"/>
              <a:gd name="connsiteX30" fmla="*/ 2732197 w 6809163"/>
              <a:gd name="connsiteY30" fmla="*/ 6514582 h 6826901"/>
              <a:gd name="connsiteX31" fmla="*/ 2732197 w 6809163"/>
              <a:gd name="connsiteY31" fmla="*/ 6443281 h 6826901"/>
              <a:gd name="connsiteX32" fmla="*/ 2518224 w 6809163"/>
              <a:gd name="connsiteY32" fmla="*/ 6443281 h 6826901"/>
              <a:gd name="connsiteX33" fmla="*/ 2518224 w 6809163"/>
              <a:gd name="connsiteY33" fmla="*/ 6514582 h 6826901"/>
              <a:gd name="connsiteX34" fmla="*/ 2589525 w 6809163"/>
              <a:gd name="connsiteY34" fmla="*/ 6514582 h 6826901"/>
              <a:gd name="connsiteX35" fmla="*/ 2589525 w 6809163"/>
              <a:gd name="connsiteY35" fmla="*/ 6443281 h 6826901"/>
              <a:gd name="connsiteX36" fmla="*/ 2375622 w 6809163"/>
              <a:gd name="connsiteY36" fmla="*/ 6443281 h 6826901"/>
              <a:gd name="connsiteX37" fmla="*/ 2375622 w 6809163"/>
              <a:gd name="connsiteY37" fmla="*/ 6514582 h 6826901"/>
              <a:gd name="connsiteX38" fmla="*/ 2446923 w 6809163"/>
              <a:gd name="connsiteY38" fmla="*/ 6514582 h 6826901"/>
              <a:gd name="connsiteX39" fmla="*/ 2446923 w 6809163"/>
              <a:gd name="connsiteY39" fmla="*/ 6443281 h 6826901"/>
              <a:gd name="connsiteX40" fmla="*/ 2232949 w 6809163"/>
              <a:gd name="connsiteY40" fmla="*/ 6443281 h 6826901"/>
              <a:gd name="connsiteX41" fmla="*/ 2232949 w 6809163"/>
              <a:gd name="connsiteY41" fmla="*/ 6514582 h 6826901"/>
              <a:gd name="connsiteX42" fmla="*/ 2304250 w 6809163"/>
              <a:gd name="connsiteY42" fmla="*/ 6514582 h 6826901"/>
              <a:gd name="connsiteX43" fmla="*/ 2304250 w 6809163"/>
              <a:gd name="connsiteY43" fmla="*/ 6443281 h 6826901"/>
              <a:gd name="connsiteX44" fmla="*/ 2090348 w 6809163"/>
              <a:gd name="connsiteY44" fmla="*/ 6443281 h 6826901"/>
              <a:gd name="connsiteX45" fmla="*/ 2090348 w 6809163"/>
              <a:gd name="connsiteY45" fmla="*/ 6514582 h 6826901"/>
              <a:gd name="connsiteX46" fmla="*/ 2161649 w 6809163"/>
              <a:gd name="connsiteY46" fmla="*/ 6514582 h 6826901"/>
              <a:gd name="connsiteX47" fmla="*/ 2161649 w 6809163"/>
              <a:gd name="connsiteY47" fmla="*/ 6443281 h 6826901"/>
              <a:gd name="connsiteX48" fmla="*/ 1947675 w 6809163"/>
              <a:gd name="connsiteY48" fmla="*/ 6443281 h 6826901"/>
              <a:gd name="connsiteX49" fmla="*/ 1947675 w 6809163"/>
              <a:gd name="connsiteY49" fmla="*/ 6514582 h 6826901"/>
              <a:gd name="connsiteX50" fmla="*/ 2018976 w 6809163"/>
              <a:gd name="connsiteY50" fmla="*/ 6514582 h 6826901"/>
              <a:gd name="connsiteX51" fmla="*/ 2018976 w 6809163"/>
              <a:gd name="connsiteY51" fmla="*/ 6443281 h 6826901"/>
              <a:gd name="connsiteX52" fmla="*/ 1805074 w 6809163"/>
              <a:gd name="connsiteY52" fmla="*/ 6443281 h 6826901"/>
              <a:gd name="connsiteX53" fmla="*/ 1805074 w 6809163"/>
              <a:gd name="connsiteY53" fmla="*/ 6514582 h 6826901"/>
              <a:gd name="connsiteX54" fmla="*/ 1876375 w 6809163"/>
              <a:gd name="connsiteY54" fmla="*/ 6514582 h 6826901"/>
              <a:gd name="connsiteX55" fmla="*/ 1876375 w 6809163"/>
              <a:gd name="connsiteY55" fmla="*/ 6443281 h 6826901"/>
              <a:gd name="connsiteX56" fmla="*/ 1662401 w 6809163"/>
              <a:gd name="connsiteY56" fmla="*/ 6443281 h 6826901"/>
              <a:gd name="connsiteX57" fmla="*/ 1662401 w 6809163"/>
              <a:gd name="connsiteY57" fmla="*/ 6514582 h 6826901"/>
              <a:gd name="connsiteX58" fmla="*/ 1733702 w 6809163"/>
              <a:gd name="connsiteY58" fmla="*/ 6514582 h 6826901"/>
              <a:gd name="connsiteX59" fmla="*/ 1733702 w 6809163"/>
              <a:gd name="connsiteY59" fmla="*/ 6443281 h 6826901"/>
              <a:gd name="connsiteX60" fmla="*/ 1519800 w 6809163"/>
              <a:gd name="connsiteY60" fmla="*/ 6443281 h 6826901"/>
              <a:gd name="connsiteX61" fmla="*/ 1519800 w 6809163"/>
              <a:gd name="connsiteY61" fmla="*/ 6514582 h 6826901"/>
              <a:gd name="connsiteX62" fmla="*/ 1591101 w 6809163"/>
              <a:gd name="connsiteY62" fmla="*/ 6514582 h 6826901"/>
              <a:gd name="connsiteX63" fmla="*/ 1591101 w 6809163"/>
              <a:gd name="connsiteY63" fmla="*/ 6443281 h 6826901"/>
              <a:gd name="connsiteX64" fmla="*/ 1377127 w 6809163"/>
              <a:gd name="connsiteY64" fmla="*/ 6443281 h 6826901"/>
              <a:gd name="connsiteX65" fmla="*/ 1377127 w 6809163"/>
              <a:gd name="connsiteY65" fmla="*/ 6514582 h 6826901"/>
              <a:gd name="connsiteX66" fmla="*/ 1448428 w 6809163"/>
              <a:gd name="connsiteY66" fmla="*/ 6514582 h 6826901"/>
              <a:gd name="connsiteX67" fmla="*/ 1448428 w 6809163"/>
              <a:gd name="connsiteY67" fmla="*/ 6443281 h 6826901"/>
              <a:gd name="connsiteX68" fmla="*/ 1234455 w 6809163"/>
              <a:gd name="connsiteY68" fmla="*/ 6443281 h 6826901"/>
              <a:gd name="connsiteX69" fmla="*/ 1234455 w 6809163"/>
              <a:gd name="connsiteY69" fmla="*/ 6514582 h 6826901"/>
              <a:gd name="connsiteX70" fmla="*/ 1305756 w 6809163"/>
              <a:gd name="connsiteY70" fmla="*/ 6514582 h 6826901"/>
              <a:gd name="connsiteX71" fmla="*/ 1305756 w 6809163"/>
              <a:gd name="connsiteY71" fmla="*/ 6443281 h 6826901"/>
              <a:gd name="connsiteX72" fmla="*/ 1091853 w 6809163"/>
              <a:gd name="connsiteY72" fmla="*/ 6443281 h 6826901"/>
              <a:gd name="connsiteX73" fmla="*/ 1091853 w 6809163"/>
              <a:gd name="connsiteY73" fmla="*/ 6514582 h 6826901"/>
              <a:gd name="connsiteX74" fmla="*/ 1163154 w 6809163"/>
              <a:gd name="connsiteY74" fmla="*/ 6514582 h 6826901"/>
              <a:gd name="connsiteX75" fmla="*/ 1163154 w 6809163"/>
              <a:gd name="connsiteY75" fmla="*/ 6443281 h 6826901"/>
              <a:gd name="connsiteX76" fmla="*/ 949180 w 6809163"/>
              <a:gd name="connsiteY76" fmla="*/ 6443281 h 6826901"/>
              <a:gd name="connsiteX77" fmla="*/ 949180 w 6809163"/>
              <a:gd name="connsiteY77" fmla="*/ 6514582 h 6826901"/>
              <a:gd name="connsiteX78" fmla="*/ 1020481 w 6809163"/>
              <a:gd name="connsiteY78" fmla="*/ 6514582 h 6826901"/>
              <a:gd name="connsiteX79" fmla="*/ 1020481 w 6809163"/>
              <a:gd name="connsiteY79" fmla="*/ 6443281 h 6826901"/>
              <a:gd name="connsiteX80" fmla="*/ 806579 w 6809163"/>
              <a:gd name="connsiteY80" fmla="*/ 6443281 h 6826901"/>
              <a:gd name="connsiteX81" fmla="*/ 806579 w 6809163"/>
              <a:gd name="connsiteY81" fmla="*/ 6514582 h 6826901"/>
              <a:gd name="connsiteX82" fmla="*/ 877880 w 6809163"/>
              <a:gd name="connsiteY82" fmla="*/ 6514582 h 6826901"/>
              <a:gd name="connsiteX83" fmla="*/ 877880 w 6809163"/>
              <a:gd name="connsiteY83" fmla="*/ 6443281 h 6826901"/>
              <a:gd name="connsiteX84" fmla="*/ 663906 w 6809163"/>
              <a:gd name="connsiteY84" fmla="*/ 6443281 h 6826901"/>
              <a:gd name="connsiteX85" fmla="*/ 663906 w 6809163"/>
              <a:gd name="connsiteY85" fmla="*/ 6514582 h 6826901"/>
              <a:gd name="connsiteX86" fmla="*/ 735207 w 6809163"/>
              <a:gd name="connsiteY86" fmla="*/ 6514582 h 6826901"/>
              <a:gd name="connsiteX87" fmla="*/ 735207 w 6809163"/>
              <a:gd name="connsiteY87" fmla="*/ 6443281 h 6826901"/>
              <a:gd name="connsiteX88" fmla="*/ 521234 w 6809163"/>
              <a:gd name="connsiteY88" fmla="*/ 6443281 h 6826901"/>
              <a:gd name="connsiteX89" fmla="*/ 521234 w 6809163"/>
              <a:gd name="connsiteY89" fmla="*/ 6514582 h 6826901"/>
              <a:gd name="connsiteX90" fmla="*/ 592536 w 6809163"/>
              <a:gd name="connsiteY90" fmla="*/ 6514582 h 6826901"/>
              <a:gd name="connsiteX91" fmla="*/ 592536 w 6809163"/>
              <a:gd name="connsiteY91" fmla="*/ 6443281 h 6826901"/>
              <a:gd name="connsiteX92" fmla="*/ 4657886 w 6809163"/>
              <a:gd name="connsiteY92" fmla="*/ 6294643 h 6826901"/>
              <a:gd name="connsiteX93" fmla="*/ 4657886 w 6809163"/>
              <a:gd name="connsiteY93" fmla="*/ 6365944 h 6826901"/>
              <a:gd name="connsiteX94" fmla="*/ 4729187 w 6809163"/>
              <a:gd name="connsiteY94" fmla="*/ 6365944 h 6826901"/>
              <a:gd name="connsiteX95" fmla="*/ 4729187 w 6809163"/>
              <a:gd name="connsiteY95" fmla="*/ 6294643 h 6826901"/>
              <a:gd name="connsiteX96" fmla="*/ 4515284 w 6809163"/>
              <a:gd name="connsiteY96" fmla="*/ 6294643 h 6826901"/>
              <a:gd name="connsiteX97" fmla="*/ 4515284 w 6809163"/>
              <a:gd name="connsiteY97" fmla="*/ 6365944 h 6826901"/>
              <a:gd name="connsiteX98" fmla="*/ 4586584 w 6809163"/>
              <a:gd name="connsiteY98" fmla="*/ 6365944 h 6826901"/>
              <a:gd name="connsiteX99" fmla="*/ 4586584 w 6809163"/>
              <a:gd name="connsiteY99" fmla="*/ 6294643 h 6826901"/>
              <a:gd name="connsiteX100" fmla="*/ 4372612 w 6809163"/>
              <a:gd name="connsiteY100" fmla="*/ 6294643 h 6826901"/>
              <a:gd name="connsiteX101" fmla="*/ 4372612 w 6809163"/>
              <a:gd name="connsiteY101" fmla="*/ 6365944 h 6826901"/>
              <a:gd name="connsiteX102" fmla="*/ 4443913 w 6809163"/>
              <a:gd name="connsiteY102" fmla="*/ 6365944 h 6826901"/>
              <a:gd name="connsiteX103" fmla="*/ 4443913 w 6809163"/>
              <a:gd name="connsiteY103" fmla="*/ 6294643 h 6826901"/>
              <a:gd name="connsiteX104" fmla="*/ 4229939 w 6809163"/>
              <a:gd name="connsiteY104" fmla="*/ 6294643 h 6826901"/>
              <a:gd name="connsiteX105" fmla="*/ 4229939 w 6809163"/>
              <a:gd name="connsiteY105" fmla="*/ 6365944 h 6826901"/>
              <a:gd name="connsiteX106" fmla="*/ 4301240 w 6809163"/>
              <a:gd name="connsiteY106" fmla="*/ 6365944 h 6826901"/>
              <a:gd name="connsiteX107" fmla="*/ 4301240 w 6809163"/>
              <a:gd name="connsiteY107" fmla="*/ 6294643 h 6826901"/>
              <a:gd name="connsiteX108" fmla="*/ 4087338 w 6809163"/>
              <a:gd name="connsiteY108" fmla="*/ 6294643 h 6826901"/>
              <a:gd name="connsiteX109" fmla="*/ 4087338 w 6809163"/>
              <a:gd name="connsiteY109" fmla="*/ 6365944 h 6826901"/>
              <a:gd name="connsiteX110" fmla="*/ 4158638 w 6809163"/>
              <a:gd name="connsiteY110" fmla="*/ 6365944 h 6826901"/>
              <a:gd name="connsiteX111" fmla="*/ 4158638 w 6809163"/>
              <a:gd name="connsiteY111" fmla="*/ 6294643 h 6826901"/>
              <a:gd name="connsiteX112" fmla="*/ 3944665 w 6809163"/>
              <a:gd name="connsiteY112" fmla="*/ 6294643 h 6826901"/>
              <a:gd name="connsiteX113" fmla="*/ 3944665 w 6809163"/>
              <a:gd name="connsiteY113" fmla="*/ 6365944 h 6826901"/>
              <a:gd name="connsiteX114" fmla="*/ 4015966 w 6809163"/>
              <a:gd name="connsiteY114" fmla="*/ 6365944 h 6826901"/>
              <a:gd name="connsiteX115" fmla="*/ 4015966 w 6809163"/>
              <a:gd name="connsiteY115" fmla="*/ 6294643 h 6826901"/>
              <a:gd name="connsiteX116" fmla="*/ 3802063 w 6809163"/>
              <a:gd name="connsiteY116" fmla="*/ 6294643 h 6826901"/>
              <a:gd name="connsiteX117" fmla="*/ 3802063 w 6809163"/>
              <a:gd name="connsiteY117" fmla="*/ 6365944 h 6826901"/>
              <a:gd name="connsiteX118" fmla="*/ 3873364 w 6809163"/>
              <a:gd name="connsiteY118" fmla="*/ 6365944 h 6826901"/>
              <a:gd name="connsiteX119" fmla="*/ 3873364 w 6809163"/>
              <a:gd name="connsiteY119" fmla="*/ 6294643 h 6826901"/>
              <a:gd name="connsiteX120" fmla="*/ 3659391 w 6809163"/>
              <a:gd name="connsiteY120" fmla="*/ 6294643 h 6826901"/>
              <a:gd name="connsiteX121" fmla="*/ 3659391 w 6809163"/>
              <a:gd name="connsiteY121" fmla="*/ 6365944 h 6826901"/>
              <a:gd name="connsiteX122" fmla="*/ 3730692 w 6809163"/>
              <a:gd name="connsiteY122" fmla="*/ 6365944 h 6826901"/>
              <a:gd name="connsiteX123" fmla="*/ 3730692 w 6809163"/>
              <a:gd name="connsiteY123" fmla="*/ 6294643 h 6826901"/>
              <a:gd name="connsiteX124" fmla="*/ 3516789 w 6809163"/>
              <a:gd name="connsiteY124" fmla="*/ 6294643 h 6826901"/>
              <a:gd name="connsiteX125" fmla="*/ 3516789 w 6809163"/>
              <a:gd name="connsiteY125" fmla="*/ 6365944 h 6826901"/>
              <a:gd name="connsiteX126" fmla="*/ 3588090 w 6809163"/>
              <a:gd name="connsiteY126" fmla="*/ 6365944 h 6826901"/>
              <a:gd name="connsiteX127" fmla="*/ 3588090 w 6809163"/>
              <a:gd name="connsiteY127" fmla="*/ 6294643 h 6826901"/>
              <a:gd name="connsiteX128" fmla="*/ 3374117 w 6809163"/>
              <a:gd name="connsiteY128" fmla="*/ 6294643 h 6826901"/>
              <a:gd name="connsiteX129" fmla="*/ 3374117 w 6809163"/>
              <a:gd name="connsiteY129" fmla="*/ 6365944 h 6826901"/>
              <a:gd name="connsiteX130" fmla="*/ 3445417 w 6809163"/>
              <a:gd name="connsiteY130" fmla="*/ 6365944 h 6826901"/>
              <a:gd name="connsiteX131" fmla="*/ 3445417 w 6809163"/>
              <a:gd name="connsiteY131" fmla="*/ 6294643 h 6826901"/>
              <a:gd name="connsiteX132" fmla="*/ 3231444 w 6809163"/>
              <a:gd name="connsiteY132" fmla="*/ 6294643 h 6826901"/>
              <a:gd name="connsiteX133" fmla="*/ 3231444 w 6809163"/>
              <a:gd name="connsiteY133" fmla="*/ 6365944 h 6826901"/>
              <a:gd name="connsiteX134" fmla="*/ 3302745 w 6809163"/>
              <a:gd name="connsiteY134" fmla="*/ 6365944 h 6826901"/>
              <a:gd name="connsiteX135" fmla="*/ 3302745 w 6809163"/>
              <a:gd name="connsiteY135" fmla="*/ 6294643 h 6826901"/>
              <a:gd name="connsiteX136" fmla="*/ 3088843 w 6809163"/>
              <a:gd name="connsiteY136" fmla="*/ 6294643 h 6826901"/>
              <a:gd name="connsiteX137" fmla="*/ 3088843 w 6809163"/>
              <a:gd name="connsiteY137" fmla="*/ 6365944 h 6826901"/>
              <a:gd name="connsiteX138" fmla="*/ 3160144 w 6809163"/>
              <a:gd name="connsiteY138" fmla="*/ 6365944 h 6826901"/>
              <a:gd name="connsiteX139" fmla="*/ 3160144 w 6809163"/>
              <a:gd name="connsiteY139" fmla="*/ 6294643 h 6826901"/>
              <a:gd name="connsiteX140" fmla="*/ 2946170 w 6809163"/>
              <a:gd name="connsiteY140" fmla="*/ 6294643 h 6826901"/>
              <a:gd name="connsiteX141" fmla="*/ 2946170 w 6809163"/>
              <a:gd name="connsiteY141" fmla="*/ 6365944 h 6826901"/>
              <a:gd name="connsiteX142" fmla="*/ 3017471 w 6809163"/>
              <a:gd name="connsiteY142" fmla="*/ 6365944 h 6826901"/>
              <a:gd name="connsiteX143" fmla="*/ 3017471 w 6809163"/>
              <a:gd name="connsiteY143" fmla="*/ 6294643 h 6826901"/>
              <a:gd name="connsiteX144" fmla="*/ 2803569 w 6809163"/>
              <a:gd name="connsiteY144" fmla="*/ 6294643 h 6826901"/>
              <a:gd name="connsiteX145" fmla="*/ 2803569 w 6809163"/>
              <a:gd name="connsiteY145" fmla="*/ 6365944 h 6826901"/>
              <a:gd name="connsiteX146" fmla="*/ 2874870 w 6809163"/>
              <a:gd name="connsiteY146" fmla="*/ 6365944 h 6826901"/>
              <a:gd name="connsiteX147" fmla="*/ 2874870 w 6809163"/>
              <a:gd name="connsiteY147" fmla="*/ 6294643 h 6826901"/>
              <a:gd name="connsiteX148" fmla="*/ 2660896 w 6809163"/>
              <a:gd name="connsiteY148" fmla="*/ 6294643 h 6826901"/>
              <a:gd name="connsiteX149" fmla="*/ 2660896 w 6809163"/>
              <a:gd name="connsiteY149" fmla="*/ 6365944 h 6826901"/>
              <a:gd name="connsiteX150" fmla="*/ 2732197 w 6809163"/>
              <a:gd name="connsiteY150" fmla="*/ 6365944 h 6826901"/>
              <a:gd name="connsiteX151" fmla="*/ 2732197 w 6809163"/>
              <a:gd name="connsiteY151" fmla="*/ 6294643 h 6826901"/>
              <a:gd name="connsiteX152" fmla="*/ 2518224 w 6809163"/>
              <a:gd name="connsiteY152" fmla="*/ 6294643 h 6826901"/>
              <a:gd name="connsiteX153" fmla="*/ 2518224 w 6809163"/>
              <a:gd name="connsiteY153" fmla="*/ 6365944 h 6826901"/>
              <a:gd name="connsiteX154" fmla="*/ 2589525 w 6809163"/>
              <a:gd name="connsiteY154" fmla="*/ 6365944 h 6826901"/>
              <a:gd name="connsiteX155" fmla="*/ 2589525 w 6809163"/>
              <a:gd name="connsiteY155" fmla="*/ 6294643 h 6826901"/>
              <a:gd name="connsiteX156" fmla="*/ 2375622 w 6809163"/>
              <a:gd name="connsiteY156" fmla="*/ 6294643 h 6826901"/>
              <a:gd name="connsiteX157" fmla="*/ 2375622 w 6809163"/>
              <a:gd name="connsiteY157" fmla="*/ 6365944 h 6826901"/>
              <a:gd name="connsiteX158" fmla="*/ 2446923 w 6809163"/>
              <a:gd name="connsiteY158" fmla="*/ 6365944 h 6826901"/>
              <a:gd name="connsiteX159" fmla="*/ 2446923 w 6809163"/>
              <a:gd name="connsiteY159" fmla="*/ 6294643 h 6826901"/>
              <a:gd name="connsiteX160" fmla="*/ 2232949 w 6809163"/>
              <a:gd name="connsiteY160" fmla="*/ 6294643 h 6826901"/>
              <a:gd name="connsiteX161" fmla="*/ 2232949 w 6809163"/>
              <a:gd name="connsiteY161" fmla="*/ 6365944 h 6826901"/>
              <a:gd name="connsiteX162" fmla="*/ 2304250 w 6809163"/>
              <a:gd name="connsiteY162" fmla="*/ 6365944 h 6826901"/>
              <a:gd name="connsiteX163" fmla="*/ 2304250 w 6809163"/>
              <a:gd name="connsiteY163" fmla="*/ 6294643 h 6826901"/>
              <a:gd name="connsiteX164" fmla="*/ 2090348 w 6809163"/>
              <a:gd name="connsiteY164" fmla="*/ 6294643 h 6826901"/>
              <a:gd name="connsiteX165" fmla="*/ 2090348 w 6809163"/>
              <a:gd name="connsiteY165" fmla="*/ 6365944 h 6826901"/>
              <a:gd name="connsiteX166" fmla="*/ 2161649 w 6809163"/>
              <a:gd name="connsiteY166" fmla="*/ 6365944 h 6826901"/>
              <a:gd name="connsiteX167" fmla="*/ 2161649 w 6809163"/>
              <a:gd name="connsiteY167" fmla="*/ 6294643 h 6826901"/>
              <a:gd name="connsiteX168" fmla="*/ 1947675 w 6809163"/>
              <a:gd name="connsiteY168" fmla="*/ 6294643 h 6826901"/>
              <a:gd name="connsiteX169" fmla="*/ 1947675 w 6809163"/>
              <a:gd name="connsiteY169" fmla="*/ 6365944 h 6826901"/>
              <a:gd name="connsiteX170" fmla="*/ 2018976 w 6809163"/>
              <a:gd name="connsiteY170" fmla="*/ 6365944 h 6826901"/>
              <a:gd name="connsiteX171" fmla="*/ 2018976 w 6809163"/>
              <a:gd name="connsiteY171" fmla="*/ 6294643 h 6826901"/>
              <a:gd name="connsiteX172" fmla="*/ 1805074 w 6809163"/>
              <a:gd name="connsiteY172" fmla="*/ 6294643 h 6826901"/>
              <a:gd name="connsiteX173" fmla="*/ 1805074 w 6809163"/>
              <a:gd name="connsiteY173" fmla="*/ 6365944 h 6826901"/>
              <a:gd name="connsiteX174" fmla="*/ 1876375 w 6809163"/>
              <a:gd name="connsiteY174" fmla="*/ 6365944 h 6826901"/>
              <a:gd name="connsiteX175" fmla="*/ 1876375 w 6809163"/>
              <a:gd name="connsiteY175" fmla="*/ 6294643 h 6826901"/>
              <a:gd name="connsiteX176" fmla="*/ 1662401 w 6809163"/>
              <a:gd name="connsiteY176" fmla="*/ 6294643 h 6826901"/>
              <a:gd name="connsiteX177" fmla="*/ 1662401 w 6809163"/>
              <a:gd name="connsiteY177" fmla="*/ 6365944 h 6826901"/>
              <a:gd name="connsiteX178" fmla="*/ 1733702 w 6809163"/>
              <a:gd name="connsiteY178" fmla="*/ 6365944 h 6826901"/>
              <a:gd name="connsiteX179" fmla="*/ 1733702 w 6809163"/>
              <a:gd name="connsiteY179" fmla="*/ 6294643 h 6826901"/>
              <a:gd name="connsiteX180" fmla="*/ 1519800 w 6809163"/>
              <a:gd name="connsiteY180" fmla="*/ 6294643 h 6826901"/>
              <a:gd name="connsiteX181" fmla="*/ 1519800 w 6809163"/>
              <a:gd name="connsiteY181" fmla="*/ 6365944 h 6826901"/>
              <a:gd name="connsiteX182" fmla="*/ 1591101 w 6809163"/>
              <a:gd name="connsiteY182" fmla="*/ 6365944 h 6826901"/>
              <a:gd name="connsiteX183" fmla="*/ 1591101 w 6809163"/>
              <a:gd name="connsiteY183" fmla="*/ 6294643 h 6826901"/>
              <a:gd name="connsiteX184" fmla="*/ 1377127 w 6809163"/>
              <a:gd name="connsiteY184" fmla="*/ 6294643 h 6826901"/>
              <a:gd name="connsiteX185" fmla="*/ 1377127 w 6809163"/>
              <a:gd name="connsiteY185" fmla="*/ 6365944 h 6826901"/>
              <a:gd name="connsiteX186" fmla="*/ 1448428 w 6809163"/>
              <a:gd name="connsiteY186" fmla="*/ 6365944 h 6826901"/>
              <a:gd name="connsiteX187" fmla="*/ 1448428 w 6809163"/>
              <a:gd name="connsiteY187" fmla="*/ 6294643 h 6826901"/>
              <a:gd name="connsiteX188" fmla="*/ 1234455 w 6809163"/>
              <a:gd name="connsiteY188" fmla="*/ 6294643 h 6826901"/>
              <a:gd name="connsiteX189" fmla="*/ 1234455 w 6809163"/>
              <a:gd name="connsiteY189" fmla="*/ 6365944 h 6826901"/>
              <a:gd name="connsiteX190" fmla="*/ 1305756 w 6809163"/>
              <a:gd name="connsiteY190" fmla="*/ 6365944 h 6826901"/>
              <a:gd name="connsiteX191" fmla="*/ 1305756 w 6809163"/>
              <a:gd name="connsiteY191" fmla="*/ 6294643 h 6826901"/>
              <a:gd name="connsiteX192" fmla="*/ 1091853 w 6809163"/>
              <a:gd name="connsiteY192" fmla="*/ 6294643 h 6826901"/>
              <a:gd name="connsiteX193" fmla="*/ 1091853 w 6809163"/>
              <a:gd name="connsiteY193" fmla="*/ 6365944 h 6826901"/>
              <a:gd name="connsiteX194" fmla="*/ 1163154 w 6809163"/>
              <a:gd name="connsiteY194" fmla="*/ 6365944 h 6826901"/>
              <a:gd name="connsiteX195" fmla="*/ 1163154 w 6809163"/>
              <a:gd name="connsiteY195" fmla="*/ 6294643 h 6826901"/>
              <a:gd name="connsiteX196" fmla="*/ 949180 w 6809163"/>
              <a:gd name="connsiteY196" fmla="*/ 6294643 h 6826901"/>
              <a:gd name="connsiteX197" fmla="*/ 949180 w 6809163"/>
              <a:gd name="connsiteY197" fmla="*/ 6365944 h 6826901"/>
              <a:gd name="connsiteX198" fmla="*/ 1020481 w 6809163"/>
              <a:gd name="connsiteY198" fmla="*/ 6365944 h 6826901"/>
              <a:gd name="connsiteX199" fmla="*/ 1020481 w 6809163"/>
              <a:gd name="connsiteY199" fmla="*/ 6294643 h 6826901"/>
              <a:gd name="connsiteX200" fmla="*/ 806579 w 6809163"/>
              <a:gd name="connsiteY200" fmla="*/ 6294643 h 6826901"/>
              <a:gd name="connsiteX201" fmla="*/ 806579 w 6809163"/>
              <a:gd name="connsiteY201" fmla="*/ 6365944 h 6826901"/>
              <a:gd name="connsiteX202" fmla="*/ 877880 w 6809163"/>
              <a:gd name="connsiteY202" fmla="*/ 6365944 h 6826901"/>
              <a:gd name="connsiteX203" fmla="*/ 877880 w 6809163"/>
              <a:gd name="connsiteY203" fmla="*/ 6294643 h 6826901"/>
              <a:gd name="connsiteX204" fmla="*/ 663906 w 6809163"/>
              <a:gd name="connsiteY204" fmla="*/ 6294643 h 6826901"/>
              <a:gd name="connsiteX205" fmla="*/ 663906 w 6809163"/>
              <a:gd name="connsiteY205" fmla="*/ 6365944 h 6826901"/>
              <a:gd name="connsiteX206" fmla="*/ 735207 w 6809163"/>
              <a:gd name="connsiteY206" fmla="*/ 6365944 h 6826901"/>
              <a:gd name="connsiteX207" fmla="*/ 735207 w 6809163"/>
              <a:gd name="connsiteY207" fmla="*/ 6294643 h 6826901"/>
              <a:gd name="connsiteX208" fmla="*/ 4372612 w 6809163"/>
              <a:gd name="connsiteY208" fmla="*/ 6152041 h 6826901"/>
              <a:gd name="connsiteX209" fmla="*/ 4372612 w 6809163"/>
              <a:gd name="connsiteY209" fmla="*/ 6223342 h 6826901"/>
              <a:gd name="connsiteX210" fmla="*/ 4443913 w 6809163"/>
              <a:gd name="connsiteY210" fmla="*/ 6223342 h 6826901"/>
              <a:gd name="connsiteX211" fmla="*/ 4443913 w 6809163"/>
              <a:gd name="connsiteY211" fmla="*/ 6152041 h 6826901"/>
              <a:gd name="connsiteX212" fmla="*/ 4229939 w 6809163"/>
              <a:gd name="connsiteY212" fmla="*/ 6152041 h 6826901"/>
              <a:gd name="connsiteX213" fmla="*/ 4229939 w 6809163"/>
              <a:gd name="connsiteY213" fmla="*/ 6223342 h 6826901"/>
              <a:gd name="connsiteX214" fmla="*/ 4301240 w 6809163"/>
              <a:gd name="connsiteY214" fmla="*/ 6223342 h 6826901"/>
              <a:gd name="connsiteX215" fmla="*/ 4301240 w 6809163"/>
              <a:gd name="connsiteY215" fmla="*/ 6152041 h 6826901"/>
              <a:gd name="connsiteX216" fmla="*/ 4087338 w 6809163"/>
              <a:gd name="connsiteY216" fmla="*/ 6152041 h 6826901"/>
              <a:gd name="connsiteX217" fmla="*/ 4087338 w 6809163"/>
              <a:gd name="connsiteY217" fmla="*/ 6223342 h 6826901"/>
              <a:gd name="connsiteX218" fmla="*/ 4158638 w 6809163"/>
              <a:gd name="connsiteY218" fmla="*/ 6223342 h 6826901"/>
              <a:gd name="connsiteX219" fmla="*/ 4158638 w 6809163"/>
              <a:gd name="connsiteY219" fmla="*/ 6152041 h 6826901"/>
              <a:gd name="connsiteX220" fmla="*/ 3944665 w 6809163"/>
              <a:gd name="connsiteY220" fmla="*/ 6152041 h 6826901"/>
              <a:gd name="connsiteX221" fmla="*/ 3944665 w 6809163"/>
              <a:gd name="connsiteY221" fmla="*/ 6223342 h 6826901"/>
              <a:gd name="connsiteX222" fmla="*/ 4015966 w 6809163"/>
              <a:gd name="connsiteY222" fmla="*/ 6223342 h 6826901"/>
              <a:gd name="connsiteX223" fmla="*/ 4015966 w 6809163"/>
              <a:gd name="connsiteY223" fmla="*/ 6152041 h 6826901"/>
              <a:gd name="connsiteX224" fmla="*/ 3802063 w 6809163"/>
              <a:gd name="connsiteY224" fmla="*/ 6152041 h 6826901"/>
              <a:gd name="connsiteX225" fmla="*/ 3802063 w 6809163"/>
              <a:gd name="connsiteY225" fmla="*/ 6223342 h 6826901"/>
              <a:gd name="connsiteX226" fmla="*/ 3873364 w 6809163"/>
              <a:gd name="connsiteY226" fmla="*/ 6223342 h 6826901"/>
              <a:gd name="connsiteX227" fmla="*/ 3873364 w 6809163"/>
              <a:gd name="connsiteY227" fmla="*/ 6152041 h 6826901"/>
              <a:gd name="connsiteX228" fmla="*/ 3659391 w 6809163"/>
              <a:gd name="connsiteY228" fmla="*/ 6152041 h 6826901"/>
              <a:gd name="connsiteX229" fmla="*/ 3659391 w 6809163"/>
              <a:gd name="connsiteY229" fmla="*/ 6223342 h 6826901"/>
              <a:gd name="connsiteX230" fmla="*/ 3730692 w 6809163"/>
              <a:gd name="connsiteY230" fmla="*/ 6223342 h 6826901"/>
              <a:gd name="connsiteX231" fmla="*/ 3730692 w 6809163"/>
              <a:gd name="connsiteY231" fmla="*/ 6152041 h 6826901"/>
              <a:gd name="connsiteX232" fmla="*/ 3516789 w 6809163"/>
              <a:gd name="connsiteY232" fmla="*/ 6152041 h 6826901"/>
              <a:gd name="connsiteX233" fmla="*/ 3516789 w 6809163"/>
              <a:gd name="connsiteY233" fmla="*/ 6223342 h 6826901"/>
              <a:gd name="connsiteX234" fmla="*/ 3588090 w 6809163"/>
              <a:gd name="connsiteY234" fmla="*/ 6223342 h 6826901"/>
              <a:gd name="connsiteX235" fmla="*/ 3588090 w 6809163"/>
              <a:gd name="connsiteY235" fmla="*/ 6152041 h 6826901"/>
              <a:gd name="connsiteX236" fmla="*/ 3374117 w 6809163"/>
              <a:gd name="connsiteY236" fmla="*/ 6152041 h 6826901"/>
              <a:gd name="connsiteX237" fmla="*/ 3374117 w 6809163"/>
              <a:gd name="connsiteY237" fmla="*/ 6223342 h 6826901"/>
              <a:gd name="connsiteX238" fmla="*/ 3445417 w 6809163"/>
              <a:gd name="connsiteY238" fmla="*/ 6223342 h 6826901"/>
              <a:gd name="connsiteX239" fmla="*/ 3445417 w 6809163"/>
              <a:gd name="connsiteY239" fmla="*/ 6152041 h 6826901"/>
              <a:gd name="connsiteX240" fmla="*/ 3231444 w 6809163"/>
              <a:gd name="connsiteY240" fmla="*/ 6152041 h 6826901"/>
              <a:gd name="connsiteX241" fmla="*/ 3231444 w 6809163"/>
              <a:gd name="connsiteY241" fmla="*/ 6223342 h 6826901"/>
              <a:gd name="connsiteX242" fmla="*/ 3302745 w 6809163"/>
              <a:gd name="connsiteY242" fmla="*/ 6223342 h 6826901"/>
              <a:gd name="connsiteX243" fmla="*/ 3302745 w 6809163"/>
              <a:gd name="connsiteY243" fmla="*/ 6152041 h 6826901"/>
              <a:gd name="connsiteX244" fmla="*/ 3088843 w 6809163"/>
              <a:gd name="connsiteY244" fmla="*/ 6152041 h 6826901"/>
              <a:gd name="connsiteX245" fmla="*/ 3088843 w 6809163"/>
              <a:gd name="connsiteY245" fmla="*/ 6223342 h 6826901"/>
              <a:gd name="connsiteX246" fmla="*/ 3160144 w 6809163"/>
              <a:gd name="connsiteY246" fmla="*/ 6223342 h 6826901"/>
              <a:gd name="connsiteX247" fmla="*/ 3160144 w 6809163"/>
              <a:gd name="connsiteY247" fmla="*/ 6152041 h 6826901"/>
              <a:gd name="connsiteX248" fmla="*/ 2946170 w 6809163"/>
              <a:gd name="connsiteY248" fmla="*/ 6152041 h 6826901"/>
              <a:gd name="connsiteX249" fmla="*/ 2946170 w 6809163"/>
              <a:gd name="connsiteY249" fmla="*/ 6223342 h 6826901"/>
              <a:gd name="connsiteX250" fmla="*/ 3017471 w 6809163"/>
              <a:gd name="connsiteY250" fmla="*/ 6223342 h 6826901"/>
              <a:gd name="connsiteX251" fmla="*/ 3017471 w 6809163"/>
              <a:gd name="connsiteY251" fmla="*/ 6152041 h 6826901"/>
              <a:gd name="connsiteX252" fmla="*/ 2803569 w 6809163"/>
              <a:gd name="connsiteY252" fmla="*/ 6152041 h 6826901"/>
              <a:gd name="connsiteX253" fmla="*/ 2803569 w 6809163"/>
              <a:gd name="connsiteY253" fmla="*/ 6223342 h 6826901"/>
              <a:gd name="connsiteX254" fmla="*/ 2874870 w 6809163"/>
              <a:gd name="connsiteY254" fmla="*/ 6223342 h 6826901"/>
              <a:gd name="connsiteX255" fmla="*/ 2874870 w 6809163"/>
              <a:gd name="connsiteY255" fmla="*/ 6152041 h 6826901"/>
              <a:gd name="connsiteX256" fmla="*/ 2660896 w 6809163"/>
              <a:gd name="connsiteY256" fmla="*/ 6152041 h 6826901"/>
              <a:gd name="connsiteX257" fmla="*/ 2660896 w 6809163"/>
              <a:gd name="connsiteY257" fmla="*/ 6223342 h 6826901"/>
              <a:gd name="connsiteX258" fmla="*/ 2732197 w 6809163"/>
              <a:gd name="connsiteY258" fmla="*/ 6223342 h 6826901"/>
              <a:gd name="connsiteX259" fmla="*/ 2732197 w 6809163"/>
              <a:gd name="connsiteY259" fmla="*/ 6152041 h 6826901"/>
              <a:gd name="connsiteX260" fmla="*/ 2518224 w 6809163"/>
              <a:gd name="connsiteY260" fmla="*/ 6152041 h 6826901"/>
              <a:gd name="connsiteX261" fmla="*/ 2518224 w 6809163"/>
              <a:gd name="connsiteY261" fmla="*/ 6223342 h 6826901"/>
              <a:gd name="connsiteX262" fmla="*/ 2589525 w 6809163"/>
              <a:gd name="connsiteY262" fmla="*/ 6223342 h 6826901"/>
              <a:gd name="connsiteX263" fmla="*/ 2589525 w 6809163"/>
              <a:gd name="connsiteY263" fmla="*/ 6152041 h 6826901"/>
              <a:gd name="connsiteX264" fmla="*/ 2375622 w 6809163"/>
              <a:gd name="connsiteY264" fmla="*/ 6152041 h 6826901"/>
              <a:gd name="connsiteX265" fmla="*/ 2375622 w 6809163"/>
              <a:gd name="connsiteY265" fmla="*/ 6223342 h 6826901"/>
              <a:gd name="connsiteX266" fmla="*/ 2446923 w 6809163"/>
              <a:gd name="connsiteY266" fmla="*/ 6223342 h 6826901"/>
              <a:gd name="connsiteX267" fmla="*/ 2446923 w 6809163"/>
              <a:gd name="connsiteY267" fmla="*/ 6152041 h 6826901"/>
              <a:gd name="connsiteX268" fmla="*/ 2232949 w 6809163"/>
              <a:gd name="connsiteY268" fmla="*/ 6152041 h 6826901"/>
              <a:gd name="connsiteX269" fmla="*/ 2232949 w 6809163"/>
              <a:gd name="connsiteY269" fmla="*/ 6223342 h 6826901"/>
              <a:gd name="connsiteX270" fmla="*/ 2304250 w 6809163"/>
              <a:gd name="connsiteY270" fmla="*/ 6223342 h 6826901"/>
              <a:gd name="connsiteX271" fmla="*/ 2304250 w 6809163"/>
              <a:gd name="connsiteY271" fmla="*/ 6152041 h 6826901"/>
              <a:gd name="connsiteX272" fmla="*/ 2090348 w 6809163"/>
              <a:gd name="connsiteY272" fmla="*/ 6152041 h 6826901"/>
              <a:gd name="connsiteX273" fmla="*/ 2090348 w 6809163"/>
              <a:gd name="connsiteY273" fmla="*/ 6223342 h 6826901"/>
              <a:gd name="connsiteX274" fmla="*/ 2161649 w 6809163"/>
              <a:gd name="connsiteY274" fmla="*/ 6223342 h 6826901"/>
              <a:gd name="connsiteX275" fmla="*/ 2161649 w 6809163"/>
              <a:gd name="connsiteY275" fmla="*/ 6152041 h 6826901"/>
              <a:gd name="connsiteX276" fmla="*/ 1947675 w 6809163"/>
              <a:gd name="connsiteY276" fmla="*/ 6152041 h 6826901"/>
              <a:gd name="connsiteX277" fmla="*/ 1947675 w 6809163"/>
              <a:gd name="connsiteY277" fmla="*/ 6223342 h 6826901"/>
              <a:gd name="connsiteX278" fmla="*/ 2018976 w 6809163"/>
              <a:gd name="connsiteY278" fmla="*/ 6223342 h 6826901"/>
              <a:gd name="connsiteX279" fmla="*/ 2018976 w 6809163"/>
              <a:gd name="connsiteY279" fmla="*/ 6152041 h 6826901"/>
              <a:gd name="connsiteX280" fmla="*/ 1805074 w 6809163"/>
              <a:gd name="connsiteY280" fmla="*/ 6152041 h 6826901"/>
              <a:gd name="connsiteX281" fmla="*/ 1805074 w 6809163"/>
              <a:gd name="connsiteY281" fmla="*/ 6223342 h 6826901"/>
              <a:gd name="connsiteX282" fmla="*/ 1876375 w 6809163"/>
              <a:gd name="connsiteY282" fmla="*/ 6223342 h 6826901"/>
              <a:gd name="connsiteX283" fmla="*/ 1876375 w 6809163"/>
              <a:gd name="connsiteY283" fmla="*/ 6152041 h 6826901"/>
              <a:gd name="connsiteX284" fmla="*/ 1662401 w 6809163"/>
              <a:gd name="connsiteY284" fmla="*/ 6152041 h 6826901"/>
              <a:gd name="connsiteX285" fmla="*/ 1662401 w 6809163"/>
              <a:gd name="connsiteY285" fmla="*/ 6223342 h 6826901"/>
              <a:gd name="connsiteX286" fmla="*/ 1733702 w 6809163"/>
              <a:gd name="connsiteY286" fmla="*/ 6223342 h 6826901"/>
              <a:gd name="connsiteX287" fmla="*/ 1733702 w 6809163"/>
              <a:gd name="connsiteY287" fmla="*/ 6152041 h 6826901"/>
              <a:gd name="connsiteX288" fmla="*/ 1519800 w 6809163"/>
              <a:gd name="connsiteY288" fmla="*/ 6152041 h 6826901"/>
              <a:gd name="connsiteX289" fmla="*/ 1519800 w 6809163"/>
              <a:gd name="connsiteY289" fmla="*/ 6223342 h 6826901"/>
              <a:gd name="connsiteX290" fmla="*/ 1591101 w 6809163"/>
              <a:gd name="connsiteY290" fmla="*/ 6223342 h 6826901"/>
              <a:gd name="connsiteX291" fmla="*/ 1591101 w 6809163"/>
              <a:gd name="connsiteY291" fmla="*/ 6152041 h 6826901"/>
              <a:gd name="connsiteX292" fmla="*/ 1377127 w 6809163"/>
              <a:gd name="connsiteY292" fmla="*/ 6152041 h 6826901"/>
              <a:gd name="connsiteX293" fmla="*/ 1377127 w 6809163"/>
              <a:gd name="connsiteY293" fmla="*/ 6223342 h 6826901"/>
              <a:gd name="connsiteX294" fmla="*/ 1448428 w 6809163"/>
              <a:gd name="connsiteY294" fmla="*/ 6223342 h 6826901"/>
              <a:gd name="connsiteX295" fmla="*/ 1448428 w 6809163"/>
              <a:gd name="connsiteY295" fmla="*/ 6152041 h 6826901"/>
              <a:gd name="connsiteX296" fmla="*/ 1234455 w 6809163"/>
              <a:gd name="connsiteY296" fmla="*/ 6152041 h 6826901"/>
              <a:gd name="connsiteX297" fmla="*/ 1234455 w 6809163"/>
              <a:gd name="connsiteY297" fmla="*/ 6223342 h 6826901"/>
              <a:gd name="connsiteX298" fmla="*/ 1305756 w 6809163"/>
              <a:gd name="connsiteY298" fmla="*/ 6223342 h 6826901"/>
              <a:gd name="connsiteX299" fmla="*/ 1305756 w 6809163"/>
              <a:gd name="connsiteY299" fmla="*/ 6152041 h 6826901"/>
              <a:gd name="connsiteX300" fmla="*/ 1091853 w 6809163"/>
              <a:gd name="connsiteY300" fmla="*/ 6152041 h 6826901"/>
              <a:gd name="connsiteX301" fmla="*/ 1091853 w 6809163"/>
              <a:gd name="connsiteY301" fmla="*/ 6223342 h 6826901"/>
              <a:gd name="connsiteX302" fmla="*/ 1163154 w 6809163"/>
              <a:gd name="connsiteY302" fmla="*/ 6223342 h 6826901"/>
              <a:gd name="connsiteX303" fmla="*/ 1163154 w 6809163"/>
              <a:gd name="connsiteY303" fmla="*/ 6152041 h 6826901"/>
              <a:gd name="connsiteX304" fmla="*/ 949180 w 6809163"/>
              <a:gd name="connsiteY304" fmla="*/ 6152041 h 6826901"/>
              <a:gd name="connsiteX305" fmla="*/ 949180 w 6809163"/>
              <a:gd name="connsiteY305" fmla="*/ 6223342 h 6826901"/>
              <a:gd name="connsiteX306" fmla="*/ 1020481 w 6809163"/>
              <a:gd name="connsiteY306" fmla="*/ 6223342 h 6826901"/>
              <a:gd name="connsiteX307" fmla="*/ 1020481 w 6809163"/>
              <a:gd name="connsiteY307" fmla="*/ 6152041 h 6826901"/>
              <a:gd name="connsiteX308" fmla="*/ 806579 w 6809163"/>
              <a:gd name="connsiteY308" fmla="*/ 6152041 h 6826901"/>
              <a:gd name="connsiteX309" fmla="*/ 806579 w 6809163"/>
              <a:gd name="connsiteY309" fmla="*/ 6223342 h 6826901"/>
              <a:gd name="connsiteX310" fmla="*/ 877880 w 6809163"/>
              <a:gd name="connsiteY310" fmla="*/ 6223342 h 6826901"/>
              <a:gd name="connsiteX311" fmla="*/ 877880 w 6809163"/>
              <a:gd name="connsiteY311" fmla="*/ 6152041 h 6826901"/>
              <a:gd name="connsiteX312" fmla="*/ 4657886 w 6809163"/>
              <a:gd name="connsiteY312" fmla="*/ 6009369 h 6826901"/>
              <a:gd name="connsiteX313" fmla="*/ 4657886 w 6809163"/>
              <a:gd name="connsiteY313" fmla="*/ 6080670 h 6826901"/>
              <a:gd name="connsiteX314" fmla="*/ 4729187 w 6809163"/>
              <a:gd name="connsiteY314" fmla="*/ 6080670 h 6826901"/>
              <a:gd name="connsiteX315" fmla="*/ 4729187 w 6809163"/>
              <a:gd name="connsiteY315" fmla="*/ 6009369 h 6826901"/>
              <a:gd name="connsiteX316" fmla="*/ 4515284 w 6809163"/>
              <a:gd name="connsiteY316" fmla="*/ 6009369 h 6826901"/>
              <a:gd name="connsiteX317" fmla="*/ 4515284 w 6809163"/>
              <a:gd name="connsiteY317" fmla="*/ 6080670 h 6826901"/>
              <a:gd name="connsiteX318" fmla="*/ 4586584 w 6809163"/>
              <a:gd name="connsiteY318" fmla="*/ 6080670 h 6826901"/>
              <a:gd name="connsiteX319" fmla="*/ 4586584 w 6809163"/>
              <a:gd name="connsiteY319" fmla="*/ 6009369 h 6826901"/>
              <a:gd name="connsiteX320" fmla="*/ 4372612 w 6809163"/>
              <a:gd name="connsiteY320" fmla="*/ 6009369 h 6826901"/>
              <a:gd name="connsiteX321" fmla="*/ 4372612 w 6809163"/>
              <a:gd name="connsiteY321" fmla="*/ 6080670 h 6826901"/>
              <a:gd name="connsiteX322" fmla="*/ 4443913 w 6809163"/>
              <a:gd name="connsiteY322" fmla="*/ 6080670 h 6826901"/>
              <a:gd name="connsiteX323" fmla="*/ 4443913 w 6809163"/>
              <a:gd name="connsiteY323" fmla="*/ 6009369 h 6826901"/>
              <a:gd name="connsiteX324" fmla="*/ 4229939 w 6809163"/>
              <a:gd name="connsiteY324" fmla="*/ 6009369 h 6826901"/>
              <a:gd name="connsiteX325" fmla="*/ 4229939 w 6809163"/>
              <a:gd name="connsiteY325" fmla="*/ 6080670 h 6826901"/>
              <a:gd name="connsiteX326" fmla="*/ 4301240 w 6809163"/>
              <a:gd name="connsiteY326" fmla="*/ 6080670 h 6826901"/>
              <a:gd name="connsiteX327" fmla="*/ 4301240 w 6809163"/>
              <a:gd name="connsiteY327" fmla="*/ 6009369 h 6826901"/>
              <a:gd name="connsiteX328" fmla="*/ 4087338 w 6809163"/>
              <a:gd name="connsiteY328" fmla="*/ 6009369 h 6826901"/>
              <a:gd name="connsiteX329" fmla="*/ 4087338 w 6809163"/>
              <a:gd name="connsiteY329" fmla="*/ 6080670 h 6826901"/>
              <a:gd name="connsiteX330" fmla="*/ 4158638 w 6809163"/>
              <a:gd name="connsiteY330" fmla="*/ 6080670 h 6826901"/>
              <a:gd name="connsiteX331" fmla="*/ 4158638 w 6809163"/>
              <a:gd name="connsiteY331" fmla="*/ 6009369 h 6826901"/>
              <a:gd name="connsiteX332" fmla="*/ 3944665 w 6809163"/>
              <a:gd name="connsiteY332" fmla="*/ 6009369 h 6826901"/>
              <a:gd name="connsiteX333" fmla="*/ 3944665 w 6809163"/>
              <a:gd name="connsiteY333" fmla="*/ 6080670 h 6826901"/>
              <a:gd name="connsiteX334" fmla="*/ 4015966 w 6809163"/>
              <a:gd name="connsiteY334" fmla="*/ 6080670 h 6826901"/>
              <a:gd name="connsiteX335" fmla="*/ 4015966 w 6809163"/>
              <a:gd name="connsiteY335" fmla="*/ 6009369 h 6826901"/>
              <a:gd name="connsiteX336" fmla="*/ 3802063 w 6809163"/>
              <a:gd name="connsiteY336" fmla="*/ 6009369 h 6826901"/>
              <a:gd name="connsiteX337" fmla="*/ 3802063 w 6809163"/>
              <a:gd name="connsiteY337" fmla="*/ 6080670 h 6826901"/>
              <a:gd name="connsiteX338" fmla="*/ 3873364 w 6809163"/>
              <a:gd name="connsiteY338" fmla="*/ 6080670 h 6826901"/>
              <a:gd name="connsiteX339" fmla="*/ 3873364 w 6809163"/>
              <a:gd name="connsiteY339" fmla="*/ 6009369 h 6826901"/>
              <a:gd name="connsiteX340" fmla="*/ 3659391 w 6809163"/>
              <a:gd name="connsiteY340" fmla="*/ 6009369 h 6826901"/>
              <a:gd name="connsiteX341" fmla="*/ 3659391 w 6809163"/>
              <a:gd name="connsiteY341" fmla="*/ 6080670 h 6826901"/>
              <a:gd name="connsiteX342" fmla="*/ 3730692 w 6809163"/>
              <a:gd name="connsiteY342" fmla="*/ 6080670 h 6826901"/>
              <a:gd name="connsiteX343" fmla="*/ 3730692 w 6809163"/>
              <a:gd name="connsiteY343" fmla="*/ 6009369 h 6826901"/>
              <a:gd name="connsiteX344" fmla="*/ 3516789 w 6809163"/>
              <a:gd name="connsiteY344" fmla="*/ 6009369 h 6826901"/>
              <a:gd name="connsiteX345" fmla="*/ 3516789 w 6809163"/>
              <a:gd name="connsiteY345" fmla="*/ 6080670 h 6826901"/>
              <a:gd name="connsiteX346" fmla="*/ 3588090 w 6809163"/>
              <a:gd name="connsiteY346" fmla="*/ 6080670 h 6826901"/>
              <a:gd name="connsiteX347" fmla="*/ 3588090 w 6809163"/>
              <a:gd name="connsiteY347" fmla="*/ 6009369 h 6826901"/>
              <a:gd name="connsiteX348" fmla="*/ 3374117 w 6809163"/>
              <a:gd name="connsiteY348" fmla="*/ 6009369 h 6826901"/>
              <a:gd name="connsiteX349" fmla="*/ 3374117 w 6809163"/>
              <a:gd name="connsiteY349" fmla="*/ 6080670 h 6826901"/>
              <a:gd name="connsiteX350" fmla="*/ 3445417 w 6809163"/>
              <a:gd name="connsiteY350" fmla="*/ 6080670 h 6826901"/>
              <a:gd name="connsiteX351" fmla="*/ 3445417 w 6809163"/>
              <a:gd name="connsiteY351" fmla="*/ 6009369 h 6826901"/>
              <a:gd name="connsiteX352" fmla="*/ 3231444 w 6809163"/>
              <a:gd name="connsiteY352" fmla="*/ 6009369 h 6826901"/>
              <a:gd name="connsiteX353" fmla="*/ 3231444 w 6809163"/>
              <a:gd name="connsiteY353" fmla="*/ 6080670 h 6826901"/>
              <a:gd name="connsiteX354" fmla="*/ 3302745 w 6809163"/>
              <a:gd name="connsiteY354" fmla="*/ 6080670 h 6826901"/>
              <a:gd name="connsiteX355" fmla="*/ 3302745 w 6809163"/>
              <a:gd name="connsiteY355" fmla="*/ 6009369 h 6826901"/>
              <a:gd name="connsiteX356" fmla="*/ 3088843 w 6809163"/>
              <a:gd name="connsiteY356" fmla="*/ 6009369 h 6826901"/>
              <a:gd name="connsiteX357" fmla="*/ 3088843 w 6809163"/>
              <a:gd name="connsiteY357" fmla="*/ 6080670 h 6826901"/>
              <a:gd name="connsiteX358" fmla="*/ 3160144 w 6809163"/>
              <a:gd name="connsiteY358" fmla="*/ 6080670 h 6826901"/>
              <a:gd name="connsiteX359" fmla="*/ 3160144 w 6809163"/>
              <a:gd name="connsiteY359" fmla="*/ 6009369 h 6826901"/>
              <a:gd name="connsiteX360" fmla="*/ 2946170 w 6809163"/>
              <a:gd name="connsiteY360" fmla="*/ 6009369 h 6826901"/>
              <a:gd name="connsiteX361" fmla="*/ 2946170 w 6809163"/>
              <a:gd name="connsiteY361" fmla="*/ 6080670 h 6826901"/>
              <a:gd name="connsiteX362" fmla="*/ 3017471 w 6809163"/>
              <a:gd name="connsiteY362" fmla="*/ 6080670 h 6826901"/>
              <a:gd name="connsiteX363" fmla="*/ 3017471 w 6809163"/>
              <a:gd name="connsiteY363" fmla="*/ 6009369 h 6826901"/>
              <a:gd name="connsiteX364" fmla="*/ 2803569 w 6809163"/>
              <a:gd name="connsiteY364" fmla="*/ 6009369 h 6826901"/>
              <a:gd name="connsiteX365" fmla="*/ 2803569 w 6809163"/>
              <a:gd name="connsiteY365" fmla="*/ 6080670 h 6826901"/>
              <a:gd name="connsiteX366" fmla="*/ 2874870 w 6809163"/>
              <a:gd name="connsiteY366" fmla="*/ 6080670 h 6826901"/>
              <a:gd name="connsiteX367" fmla="*/ 2874870 w 6809163"/>
              <a:gd name="connsiteY367" fmla="*/ 6009369 h 6826901"/>
              <a:gd name="connsiteX368" fmla="*/ 2660896 w 6809163"/>
              <a:gd name="connsiteY368" fmla="*/ 6009369 h 6826901"/>
              <a:gd name="connsiteX369" fmla="*/ 2660896 w 6809163"/>
              <a:gd name="connsiteY369" fmla="*/ 6080670 h 6826901"/>
              <a:gd name="connsiteX370" fmla="*/ 2732197 w 6809163"/>
              <a:gd name="connsiteY370" fmla="*/ 6080670 h 6826901"/>
              <a:gd name="connsiteX371" fmla="*/ 2732197 w 6809163"/>
              <a:gd name="connsiteY371" fmla="*/ 6009369 h 6826901"/>
              <a:gd name="connsiteX372" fmla="*/ 2518224 w 6809163"/>
              <a:gd name="connsiteY372" fmla="*/ 6009369 h 6826901"/>
              <a:gd name="connsiteX373" fmla="*/ 2518224 w 6809163"/>
              <a:gd name="connsiteY373" fmla="*/ 6080670 h 6826901"/>
              <a:gd name="connsiteX374" fmla="*/ 2589525 w 6809163"/>
              <a:gd name="connsiteY374" fmla="*/ 6080670 h 6826901"/>
              <a:gd name="connsiteX375" fmla="*/ 2589525 w 6809163"/>
              <a:gd name="connsiteY375" fmla="*/ 6009369 h 6826901"/>
              <a:gd name="connsiteX376" fmla="*/ 2375622 w 6809163"/>
              <a:gd name="connsiteY376" fmla="*/ 6009369 h 6826901"/>
              <a:gd name="connsiteX377" fmla="*/ 2375622 w 6809163"/>
              <a:gd name="connsiteY377" fmla="*/ 6080670 h 6826901"/>
              <a:gd name="connsiteX378" fmla="*/ 2446923 w 6809163"/>
              <a:gd name="connsiteY378" fmla="*/ 6080670 h 6826901"/>
              <a:gd name="connsiteX379" fmla="*/ 2446923 w 6809163"/>
              <a:gd name="connsiteY379" fmla="*/ 6009369 h 6826901"/>
              <a:gd name="connsiteX380" fmla="*/ 2232949 w 6809163"/>
              <a:gd name="connsiteY380" fmla="*/ 6009369 h 6826901"/>
              <a:gd name="connsiteX381" fmla="*/ 2232949 w 6809163"/>
              <a:gd name="connsiteY381" fmla="*/ 6080670 h 6826901"/>
              <a:gd name="connsiteX382" fmla="*/ 2304250 w 6809163"/>
              <a:gd name="connsiteY382" fmla="*/ 6080670 h 6826901"/>
              <a:gd name="connsiteX383" fmla="*/ 2304250 w 6809163"/>
              <a:gd name="connsiteY383" fmla="*/ 6009369 h 6826901"/>
              <a:gd name="connsiteX384" fmla="*/ 2090348 w 6809163"/>
              <a:gd name="connsiteY384" fmla="*/ 6009369 h 6826901"/>
              <a:gd name="connsiteX385" fmla="*/ 2090348 w 6809163"/>
              <a:gd name="connsiteY385" fmla="*/ 6080670 h 6826901"/>
              <a:gd name="connsiteX386" fmla="*/ 2161649 w 6809163"/>
              <a:gd name="connsiteY386" fmla="*/ 6080670 h 6826901"/>
              <a:gd name="connsiteX387" fmla="*/ 2161649 w 6809163"/>
              <a:gd name="connsiteY387" fmla="*/ 6009369 h 6826901"/>
              <a:gd name="connsiteX388" fmla="*/ 1947675 w 6809163"/>
              <a:gd name="connsiteY388" fmla="*/ 6009369 h 6826901"/>
              <a:gd name="connsiteX389" fmla="*/ 1947675 w 6809163"/>
              <a:gd name="connsiteY389" fmla="*/ 6080670 h 6826901"/>
              <a:gd name="connsiteX390" fmla="*/ 2018976 w 6809163"/>
              <a:gd name="connsiteY390" fmla="*/ 6080670 h 6826901"/>
              <a:gd name="connsiteX391" fmla="*/ 2018976 w 6809163"/>
              <a:gd name="connsiteY391" fmla="*/ 6009369 h 6826901"/>
              <a:gd name="connsiteX392" fmla="*/ 1805074 w 6809163"/>
              <a:gd name="connsiteY392" fmla="*/ 6009369 h 6826901"/>
              <a:gd name="connsiteX393" fmla="*/ 1805074 w 6809163"/>
              <a:gd name="connsiteY393" fmla="*/ 6080670 h 6826901"/>
              <a:gd name="connsiteX394" fmla="*/ 1876375 w 6809163"/>
              <a:gd name="connsiteY394" fmla="*/ 6080670 h 6826901"/>
              <a:gd name="connsiteX395" fmla="*/ 1876375 w 6809163"/>
              <a:gd name="connsiteY395" fmla="*/ 6009369 h 6826901"/>
              <a:gd name="connsiteX396" fmla="*/ 1662401 w 6809163"/>
              <a:gd name="connsiteY396" fmla="*/ 6009369 h 6826901"/>
              <a:gd name="connsiteX397" fmla="*/ 1662401 w 6809163"/>
              <a:gd name="connsiteY397" fmla="*/ 6080670 h 6826901"/>
              <a:gd name="connsiteX398" fmla="*/ 1733702 w 6809163"/>
              <a:gd name="connsiteY398" fmla="*/ 6080670 h 6826901"/>
              <a:gd name="connsiteX399" fmla="*/ 1733702 w 6809163"/>
              <a:gd name="connsiteY399" fmla="*/ 6009369 h 6826901"/>
              <a:gd name="connsiteX400" fmla="*/ 1519800 w 6809163"/>
              <a:gd name="connsiteY400" fmla="*/ 6009369 h 6826901"/>
              <a:gd name="connsiteX401" fmla="*/ 1519800 w 6809163"/>
              <a:gd name="connsiteY401" fmla="*/ 6080670 h 6826901"/>
              <a:gd name="connsiteX402" fmla="*/ 1591101 w 6809163"/>
              <a:gd name="connsiteY402" fmla="*/ 6080670 h 6826901"/>
              <a:gd name="connsiteX403" fmla="*/ 1591101 w 6809163"/>
              <a:gd name="connsiteY403" fmla="*/ 6009369 h 6826901"/>
              <a:gd name="connsiteX404" fmla="*/ 1377127 w 6809163"/>
              <a:gd name="connsiteY404" fmla="*/ 6009369 h 6826901"/>
              <a:gd name="connsiteX405" fmla="*/ 1377127 w 6809163"/>
              <a:gd name="connsiteY405" fmla="*/ 6080670 h 6826901"/>
              <a:gd name="connsiteX406" fmla="*/ 1448428 w 6809163"/>
              <a:gd name="connsiteY406" fmla="*/ 6080670 h 6826901"/>
              <a:gd name="connsiteX407" fmla="*/ 1448428 w 6809163"/>
              <a:gd name="connsiteY407" fmla="*/ 6009369 h 6826901"/>
              <a:gd name="connsiteX408" fmla="*/ 1234455 w 6809163"/>
              <a:gd name="connsiteY408" fmla="*/ 6009369 h 6826901"/>
              <a:gd name="connsiteX409" fmla="*/ 1234455 w 6809163"/>
              <a:gd name="connsiteY409" fmla="*/ 6080670 h 6826901"/>
              <a:gd name="connsiteX410" fmla="*/ 1305756 w 6809163"/>
              <a:gd name="connsiteY410" fmla="*/ 6080670 h 6826901"/>
              <a:gd name="connsiteX411" fmla="*/ 1305756 w 6809163"/>
              <a:gd name="connsiteY411" fmla="*/ 6009369 h 6826901"/>
              <a:gd name="connsiteX412" fmla="*/ 1091853 w 6809163"/>
              <a:gd name="connsiteY412" fmla="*/ 6009369 h 6826901"/>
              <a:gd name="connsiteX413" fmla="*/ 1091853 w 6809163"/>
              <a:gd name="connsiteY413" fmla="*/ 6080670 h 6826901"/>
              <a:gd name="connsiteX414" fmla="*/ 1163154 w 6809163"/>
              <a:gd name="connsiteY414" fmla="*/ 6080670 h 6826901"/>
              <a:gd name="connsiteX415" fmla="*/ 1163154 w 6809163"/>
              <a:gd name="connsiteY415" fmla="*/ 6009369 h 6826901"/>
              <a:gd name="connsiteX416" fmla="*/ 949180 w 6809163"/>
              <a:gd name="connsiteY416" fmla="*/ 6009369 h 6826901"/>
              <a:gd name="connsiteX417" fmla="*/ 949180 w 6809163"/>
              <a:gd name="connsiteY417" fmla="*/ 6080670 h 6826901"/>
              <a:gd name="connsiteX418" fmla="*/ 1020481 w 6809163"/>
              <a:gd name="connsiteY418" fmla="*/ 6080670 h 6826901"/>
              <a:gd name="connsiteX419" fmla="*/ 1020481 w 6809163"/>
              <a:gd name="connsiteY419" fmla="*/ 6009369 h 6826901"/>
              <a:gd name="connsiteX420" fmla="*/ 6807516 w 6809163"/>
              <a:gd name="connsiteY420" fmla="*/ 0 h 6826901"/>
              <a:gd name="connsiteX421" fmla="*/ 6809163 w 6809163"/>
              <a:gd name="connsiteY421" fmla="*/ 6826901 h 6826901"/>
              <a:gd name="connsiteX422" fmla="*/ 0 w 6809163"/>
              <a:gd name="connsiteY422" fmla="*/ 6826901 h 6826901"/>
              <a:gd name="connsiteX423" fmla="*/ 378632 w 6809163"/>
              <a:gd name="connsiteY423" fmla="*/ 6447189 h 6826901"/>
              <a:gd name="connsiteX424" fmla="*/ 378632 w 6809163"/>
              <a:gd name="connsiteY424" fmla="*/ 6514582 h 6826901"/>
              <a:gd name="connsiteX425" fmla="*/ 449934 w 6809163"/>
              <a:gd name="connsiteY425" fmla="*/ 6514582 h 6826901"/>
              <a:gd name="connsiteX426" fmla="*/ 449934 w 6809163"/>
              <a:gd name="connsiteY426" fmla="*/ 6443281 h 6826901"/>
              <a:gd name="connsiteX427" fmla="*/ 382530 w 6809163"/>
              <a:gd name="connsiteY427" fmla="*/ 6443281 h 6826901"/>
              <a:gd name="connsiteX428" fmla="*/ 521234 w 6809163"/>
              <a:gd name="connsiteY428" fmla="*/ 6304180 h 6826901"/>
              <a:gd name="connsiteX429" fmla="*/ 521234 w 6809163"/>
              <a:gd name="connsiteY429" fmla="*/ 6365944 h 6826901"/>
              <a:gd name="connsiteX430" fmla="*/ 592536 w 6809163"/>
              <a:gd name="connsiteY430" fmla="*/ 6365944 h 6826901"/>
              <a:gd name="connsiteX431" fmla="*/ 592536 w 6809163"/>
              <a:gd name="connsiteY431" fmla="*/ 6294643 h 6826901"/>
              <a:gd name="connsiteX432" fmla="*/ 530745 w 6809163"/>
              <a:gd name="connsiteY432" fmla="*/ 6294643 h 6826901"/>
              <a:gd name="connsiteX433" fmla="*/ 663906 w 6809163"/>
              <a:gd name="connsiteY433" fmla="*/ 6161102 h 6826901"/>
              <a:gd name="connsiteX434" fmla="*/ 663906 w 6809163"/>
              <a:gd name="connsiteY434" fmla="*/ 6223342 h 6826901"/>
              <a:gd name="connsiteX435" fmla="*/ 735207 w 6809163"/>
              <a:gd name="connsiteY435" fmla="*/ 6223342 h 6826901"/>
              <a:gd name="connsiteX436" fmla="*/ 735207 w 6809163"/>
              <a:gd name="connsiteY436" fmla="*/ 6152041 h 6826901"/>
              <a:gd name="connsiteX437" fmla="*/ 672942 w 6809163"/>
              <a:gd name="connsiteY437" fmla="*/ 6152041 h 6826901"/>
              <a:gd name="connsiteX438" fmla="*/ 806579 w 6809163"/>
              <a:gd name="connsiteY438" fmla="*/ 6018022 h 6826901"/>
              <a:gd name="connsiteX439" fmla="*/ 806579 w 6809163"/>
              <a:gd name="connsiteY439" fmla="*/ 6080670 h 6826901"/>
              <a:gd name="connsiteX440" fmla="*/ 877880 w 6809163"/>
              <a:gd name="connsiteY440" fmla="*/ 6080670 h 6826901"/>
              <a:gd name="connsiteX441" fmla="*/ 877880 w 6809163"/>
              <a:gd name="connsiteY441" fmla="*/ 6009369 h 6826901"/>
              <a:gd name="connsiteX442" fmla="*/ 815208 w 6809163"/>
              <a:gd name="connsiteY442" fmla="*/ 6009369 h 68269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Lst>
            <a:rect l="l" t="t" r="r" b="b"/>
            <a:pathLst>
              <a:path w="6809163" h="6826901">
                <a:moveTo>
                  <a:pt x="3659391" y="6443281"/>
                </a:moveTo>
                <a:lnTo>
                  <a:pt x="3659391" y="6514582"/>
                </a:lnTo>
                <a:lnTo>
                  <a:pt x="3730692" y="6514582"/>
                </a:lnTo>
                <a:lnTo>
                  <a:pt x="3730692" y="6443281"/>
                </a:lnTo>
                <a:close/>
                <a:moveTo>
                  <a:pt x="3516789" y="6443281"/>
                </a:moveTo>
                <a:lnTo>
                  <a:pt x="3516789" y="6514582"/>
                </a:lnTo>
                <a:lnTo>
                  <a:pt x="3588090" y="6514582"/>
                </a:lnTo>
                <a:lnTo>
                  <a:pt x="3588090" y="6443281"/>
                </a:lnTo>
                <a:close/>
                <a:moveTo>
                  <a:pt x="3374117" y="6443281"/>
                </a:moveTo>
                <a:lnTo>
                  <a:pt x="3374117" y="6514582"/>
                </a:lnTo>
                <a:lnTo>
                  <a:pt x="3445417" y="6514582"/>
                </a:lnTo>
                <a:lnTo>
                  <a:pt x="3445417" y="6443281"/>
                </a:lnTo>
                <a:close/>
                <a:moveTo>
                  <a:pt x="3231444" y="6443281"/>
                </a:moveTo>
                <a:lnTo>
                  <a:pt x="3231444" y="6514582"/>
                </a:lnTo>
                <a:lnTo>
                  <a:pt x="3302745" y="6514582"/>
                </a:lnTo>
                <a:lnTo>
                  <a:pt x="3302745" y="6443281"/>
                </a:lnTo>
                <a:close/>
                <a:moveTo>
                  <a:pt x="3088843" y="6443281"/>
                </a:moveTo>
                <a:lnTo>
                  <a:pt x="3088843" y="6514582"/>
                </a:lnTo>
                <a:lnTo>
                  <a:pt x="3160144" y="6514582"/>
                </a:lnTo>
                <a:lnTo>
                  <a:pt x="3160144" y="6443281"/>
                </a:lnTo>
                <a:close/>
                <a:moveTo>
                  <a:pt x="2946170" y="6443281"/>
                </a:moveTo>
                <a:lnTo>
                  <a:pt x="2946170" y="6514582"/>
                </a:lnTo>
                <a:lnTo>
                  <a:pt x="3017471" y="6514582"/>
                </a:lnTo>
                <a:lnTo>
                  <a:pt x="3017471" y="6443281"/>
                </a:lnTo>
                <a:close/>
                <a:moveTo>
                  <a:pt x="2803569" y="6443281"/>
                </a:moveTo>
                <a:lnTo>
                  <a:pt x="2803569" y="6514582"/>
                </a:lnTo>
                <a:lnTo>
                  <a:pt x="2874870" y="6514582"/>
                </a:lnTo>
                <a:lnTo>
                  <a:pt x="2874870" y="6443281"/>
                </a:lnTo>
                <a:close/>
                <a:moveTo>
                  <a:pt x="2660896" y="6443281"/>
                </a:moveTo>
                <a:lnTo>
                  <a:pt x="2660896" y="6514582"/>
                </a:lnTo>
                <a:lnTo>
                  <a:pt x="2732197" y="6514582"/>
                </a:lnTo>
                <a:lnTo>
                  <a:pt x="2732197" y="6443281"/>
                </a:lnTo>
                <a:close/>
                <a:moveTo>
                  <a:pt x="2518224" y="6443281"/>
                </a:moveTo>
                <a:lnTo>
                  <a:pt x="2518224" y="6514582"/>
                </a:lnTo>
                <a:lnTo>
                  <a:pt x="2589525" y="6514582"/>
                </a:lnTo>
                <a:lnTo>
                  <a:pt x="2589525" y="6443281"/>
                </a:lnTo>
                <a:close/>
                <a:moveTo>
                  <a:pt x="2375622" y="6443281"/>
                </a:moveTo>
                <a:lnTo>
                  <a:pt x="2375622" y="6514582"/>
                </a:lnTo>
                <a:lnTo>
                  <a:pt x="2446923" y="6514582"/>
                </a:lnTo>
                <a:lnTo>
                  <a:pt x="2446923" y="6443281"/>
                </a:lnTo>
                <a:close/>
                <a:moveTo>
                  <a:pt x="2232949" y="6443281"/>
                </a:moveTo>
                <a:lnTo>
                  <a:pt x="2232949" y="6514582"/>
                </a:lnTo>
                <a:lnTo>
                  <a:pt x="2304250" y="6514582"/>
                </a:lnTo>
                <a:lnTo>
                  <a:pt x="2304250" y="6443281"/>
                </a:lnTo>
                <a:close/>
                <a:moveTo>
                  <a:pt x="2090348" y="6443281"/>
                </a:moveTo>
                <a:lnTo>
                  <a:pt x="2090348" y="6514582"/>
                </a:lnTo>
                <a:lnTo>
                  <a:pt x="2161649" y="6514582"/>
                </a:lnTo>
                <a:lnTo>
                  <a:pt x="2161649" y="6443281"/>
                </a:lnTo>
                <a:close/>
                <a:moveTo>
                  <a:pt x="1947675" y="6443281"/>
                </a:moveTo>
                <a:lnTo>
                  <a:pt x="1947675" y="6514582"/>
                </a:lnTo>
                <a:lnTo>
                  <a:pt x="2018976" y="6514582"/>
                </a:lnTo>
                <a:lnTo>
                  <a:pt x="2018976" y="6443281"/>
                </a:lnTo>
                <a:close/>
                <a:moveTo>
                  <a:pt x="1805074" y="6443281"/>
                </a:moveTo>
                <a:lnTo>
                  <a:pt x="1805074" y="6514582"/>
                </a:lnTo>
                <a:lnTo>
                  <a:pt x="1876375" y="6514582"/>
                </a:lnTo>
                <a:lnTo>
                  <a:pt x="1876375" y="6443281"/>
                </a:lnTo>
                <a:close/>
                <a:moveTo>
                  <a:pt x="1662401" y="6443281"/>
                </a:moveTo>
                <a:lnTo>
                  <a:pt x="1662401" y="6514582"/>
                </a:lnTo>
                <a:lnTo>
                  <a:pt x="1733702" y="6514582"/>
                </a:lnTo>
                <a:lnTo>
                  <a:pt x="1733702" y="6443281"/>
                </a:lnTo>
                <a:close/>
                <a:moveTo>
                  <a:pt x="1519800" y="6443281"/>
                </a:moveTo>
                <a:lnTo>
                  <a:pt x="1519800" y="6514582"/>
                </a:lnTo>
                <a:lnTo>
                  <a:pt x="1591101" y="6514582"/>
                </a:lnTo>
                <a:lnTo>
                  <a:pt x="1591101" y="6443281"/>
                </a:lnTo>
                <a:close/>
                <a:moveTo>
                  <a:pt x="1377127" y="6443281"/>
                </a:moveTo>
                <a:lnTo>
                  <a:pt x="1377127" y="6514582"/>
                </a:lnTo>
                <a:lnTo>
                  <a:pt x="1448428" y="6514582"/>
                </a:lnTo>
                <a:lnTo>
                  <a:pt x="1448428" y="6443281"/>
                </a:lnTo>
                <a:close/>
                <a:moveTo>
                  <a:pt x="1234455" y="6443281"/>
                </a:moveTo>
                <a:lnTo>
                  <a:pt x="1234455" y="6514582"/>
                </a:lnTo>
                <a:lnTo>
                  <a:pt x="1305756" y="6514582"/>
                </a:lnTo>
                <a:lnTo>
                  <a:pt x="1305756" y="6443281"/>
                </a:lnTo>
                <a:close/>
                <a:moveTo>
                  <a:pt x="1091853" y="6443281"/>
                </a:moveTo>
                <a:lnTo>
                  <a:pt x="1091853" y="6514582"/>
                </a:lnTo>
                <a:lnTo>
                  <a:pt x="1163154" y="6514582"/>
                </a:lnTo>
                <a:lnTo>
                  <a:pt x="1163154" y="6443281"/>
                </a:lnTo>
                <a:close/>
                <a:moveTo>
                  <a:pt x="949180" y="6443281"/>
                </a:moveTo>
                <a:lnTo>
                  <a:pt x="949180" y="6514582"/>
                </a:lnTo>
                <a:lnTo>
                  <a:pt x="1020481" y="6514582"/>
                </a:lnTo>
                <a:lnTo>
                  <a:pt x="1020481" y="6443281"/>
                </a:lnTo>
                <a:close/>
                <a:moveTo>
                  <a:pt x="806579" y="6443281"/>
                </a:moveTo>
                <a:lnTo>
                  <a:pt x="806579" y="6514582"/>
                </a:lnTo>
                <a:lnTo>
                  <a:pt x="877880" y="6514582"/>
                </a:lnTo>
                <a:lnTo>
                  <a:pt x="877880" y="6443281"/>
                </a:lnTo>
                <a:close/>
                <a:moveTo>
                  <a:pt x="663906" y="6443281"/>
                </a:moveTo>
                <a:lnTo>
                  <a:pt x="663906" y="6514582"/>
                </a:lnTo>
                <a:lnTo>
                  <a:pt x="735207" y="6514582"/>
                </a:lnTo>
                <a:lnTo>
                  <a:pt x="735207" y="6443281"/>
                </a:lnTo>
                <a:close/>
                <a:moveTo>
                  <a:pt x="521234" y="6443281"/>
                </a:moveTo>
                <a:lnTo>
                  <a:pt x="521234" y="6514582"/>
                </a:lnTo>
                <a:lnTo>
                  <a:pt x="592536" y="6514582"/>
                </a:lnTo>
                <a:lnTo>
                  <a:pt x="592536" y="6443281"/>
                </a:lnTo>
                <a:close/>
                <a:moveTo>
                  <a:pt x="4657886" y="6294643"/>
                </a:moveTo>
                <a:lnTo>
                  <a:pt x="4657886" y="6365944"/>
                </a:lnTo>
                <a:lnTo>
                  <a:pt x="4729187" y="6365944"/>
                </a:lnTo>
                <a:lnTo>
                  <a:pt x="4729187" y="6294643"/>
                </a:lnTo>
                <a:close/>
                <a:moveTo>
                  <a:pt x="4515284" y="6294643"/>
                </a:moveTo>
                <a:lnTo>
                  <a:pt x="4515284" y="6365944"/>
                </a:lnTo>
                <a:lnTo>
                  <a:pt x="4586584" y="6365944"/>
                </a:lnTo>
                <a:lnTo>
                  <a:pt x="4586584" y="6294643"/>
                </a:lnTo>
                <a:close/>
                <a:moveTo>
                  <a:pt x="4372612" y="6294643"/>
                </a:moveTo>
                <a:lnTo>
                  <a:pt x="4372612" y="6365944"/>
                </a:lnTo>
                <a:lnTo>
                  <a:pt x="4443913" y="6365944"/>
                </a:lnTo>
                <a:lnTo>
                  <a:pt x="4443913" y="6294643"/>
                </a:lnTo>
                <a:close/>
                <a:moveTo>
                  <a:pt x="4229939" y="6294643"/>
                </a:moveTo>
                <a:lnTo>
                  <a:pt x="4229939" y="6365944"/>
                </a:lnTo>
                <a:lnTo>
                  <a:pt x="4301240" y="6365944"/>
                </a:lnTo>
                <a:lnTo>
                  <a:pt x="4301240" y="6294643"/>
                </a:lnTo>
                <a:close/>
                <a:moveTo>
                  <a:pt x="4087338" y="6294643"/>
                </a:moveTo>
                <a:lnTo>
                  <a:pt x="4087338" y="6365944"/>
                </a:lnTo>
                <a:lnTo>
                  <a:pt x="4158638" y="6365944"/>
                </a:lnTo>
                <a:lnTo>
                  <a:pt x="4158638" y="6294643"/>
                </a:lnTo>
                <a:close/>
                <a:moveTo>
                  <a:pt x="3944665" y="6294643"/>
                </a:moveTo>
                <a:lnTo>
                  <a:pt x="3944665" y="6365944"/>
                </a:lnTo>
                <a:lnTo>
                  <a:pt x="4015966" y="6365944"/>
                </a:lnTo>
                <a:lnTo>
                  <a:pt x="4015966" y="6294643"/>
                </a:lnTo>
                <a:close/>
                <a:moveTo>
                  <a:pt x="3802063" y="6294643"/>
                </a:moveTo>
                <a:lnTo>
                  <a:pt x="3802063" y="6365944"/>
                </a:lnTo>
                <a:lnTo>
                  <a:pt x="3873364" y="6365944"/>
                </a:lnTo>
                <a:lnTo>
                  <a:pt x="3873364" y="6294643"/>
                </a:lnTo>
                <a:close/>
                <a:moveTo>
                  <a:pt x="3659391" y="6294643"/>
                </a:moveTo>
                <a:lnTo>
                  <a:pt x="3659391" y="6365944"/>
                </a:lnTo>
                <a:lnTo>
                  <a:pt x="3730692" y="6365944"/>
                </a:lnTo>
                <a:lnTo>
                  <a:pt x="3730692" y="6294643"/>
                </a:lnTo>
                <a:close/>
                <a:moveTo>
                  <a:pt x="3516789" y="6294643"/>
                </a:moveTo>
                <a:lnTo>
                  <a:pt x="3516789" y="6365944"/>
                </a:lnTo>
                <a:lnTo>
                  <a:pt x="3588090" y="6365944"/>
                </a:lnTo>
                <a:lnTo>
                  <a:pt x="3588090" y="6294643"/>
                </a:lnTo>
                <a:close/>
                <a:moveTo>
                  <a:pt x="3374117" y="6294643"/>
                </a:moveTo>
                <a:lnTo>
                  <a:pt x="3374117" y="6365944"/>
                </a:lnTo>
                <a:lnTo>
                  <a:pt x="3445417" y="6365944"/>
                </a:lnTo>
                <a:lnTo>
                  <a:pt x="3445417" y="6294643"/>
                </a:lnTo>
                <a:close/>
                <a:moveTo>
                  <a:pt x="3231444" y="6294643"/>
                </a:moveTo>
                <a:lnTo>
                  <a:pt x="3231444" y="6365944"/>
                </a:lnTo>
                <a:lnTo>
                  <a:pt x="3302745" y="6365944"/>
                </a:lnTo>
                <a:lnTo>
                  <a:pt x="3302745" y="6294643"/>
                </a:lnTo>
                <a:close/>
                <a:moveTo>
                  <a:pt x="3088843" y="6294643"/>
                </a:moveTo>
                <a:lnTo>
                  <a:pt x="3088843" y="6365944"/>
                </a:lnTo>
                <a:lnTo>
                  <a:pt x="3160144" y="6365944"/>
                </a:lnTo>
                <a:lnTo>
                  <a:pt x="3160144" y="6294643"/>
                </a:lnTo>
                <a:close/>
                <a:moveTo>
                  <a:pt x="2946170" y="6294643"/>
                </a:moveTo>
                <a:lnTo>
                  <a:pt x="2946170" y="6365944"/>
                </a:lnTo>
                <a:lnTo>
                  <a:pt x="3017471" y="6365944"/>
                </a:lnTo>
                <a:lnTo>
                  <a:pt x="3017471" y="6294643"/>
                </a:lnTo>
                <a:close/>
                <a:moveTo>
                  <a:pt x="2803569" y="6294643"/>
                </a:moveTo>
                <a:lnTo>
                  <a:pt x="2803569" y="6365944"/>
                </a:lnTo>
                <a:lnTo>
                  <a:pt x="2874870" y="6365944"/>
                </a:lnTo>
                <a:lnTo>
                  <a:pt x="2874870" y="6294643"/>
                </a:lnTo>
                <a:close/>
                <a:moveTo>
                  <a:pt x="2660896" y="6294643"/>
                </a:moveTo>
                <a:lnTo>
                  <a:pt x="2660896" y="6365944"/>
                </a:lnTo>
                <a:lnTo>
                  <a:pt x="2732197" y="6365944"/>
                </a:lnTo>
                <a:lnTo>
                  <a:pt x="2732197" y="6294643"/>
                </a:lnTo>
                <a:close/>
                <a:moveTo>
                  <a:pt x="2518224" y="6294643"/>
                </a:moveTo>
                <a:lnTo>
                  <a:pt x="2518224" y="6365944"/>
                </a:lnTo>
                <a:lnTo>
                  <a:pt x="2589525" y="6365944"/>
                </a:lnTo>
                <a:lnTo>
                  <a:pt x="2589525" y="6294643"/>
                </a:lnTo>
                <a:close/>
                <a:moveTo>
                  <a:pt x="2375622" y="6294643"/>
                </a:moveTo>
                <a:lnTo>
                  <a:pt x="2375622" y="6365944"/>
                </a:lnTo>
                <a:lnTo>
                  <a:pt x="2446923" y="6365944"/>
                </a:lnTo>
                <a:lnTo>
                  <a:pt x="2446923" y="6294643"/>
                </a:lnTo>
                <a:close/>
                <a:moveTo>
                  <a:pt x="2232949" y="6294643"/>
                </a:moveTo>
                <a:lnTo>
                  <a:pt x="2232949" y="6365944"/>
                </a:lnTo>
                <a:lnTo>
                  <a:pt x="2304250" y="6365944"/>
                </a:lnTo>
                <a:lnTo>
                  <a:pt x="2304250" y="6294643"/>
                </a:lnTo>
                <a:close/>
                <a:moveTo>
                  <a:pt x="2090348" y="6294643"/>
                </a:moveTo>
                <a:lnTo>
                  <a:pt x="2090348" y="6365944"/>
                </a:lnTo>
                <a:lnTo>
                  <a:pt x="2161649" y="6365944"/>
                </a:lnTo>
                <a:lnTo>
                  <a:pt x="2161649" y="6294643"/>
                </a:lnTo>
                <a:close/>
                <a:moveTo>
                  <a:pt x="1947675" y="6294643"/>
                </a:moveTo>
                <a:lnTo>
                  <a:pt x="1947675" y="6365944"/>
                </a:lnTo>
                <a:lnTo>
                  <a:pt x="2018976" y="6365944"/>
                </a:lnTo>
                <a:lnTo>
                  <a:pt x="2018976" y="6294643"/>
                </a:lnTo>
                <a:close/>
                <a:moveTo>
                  <a:pt x="1805074" y="6294643"/>
                </a:moveTo>
                <a:lnTo>
                  <a:pt x="1805074" y="6365944"/>
                </a:lnTo>
                <a:lnTo>
                  <a:pt x="1876375" y="6365944"/>
                </a:lnTo>
                <a:lnTo>
                  <a:pt x="1876375" y="6294643"/>
                </a:lnTo>
                <a:close/>
                <a:moveTo>
                  <a:pt x="1662401" y="6294643"/>
                </a:moveTo>
                <a:lnTo>
                  <a:pt x="1662401" y="6365944"/>
                </a:lnTo>
                <a:lnTo>
                  <a:pt x="1733702" y="6365944"/>
                </a:lnTo>
                <a:lnTo>
                  <a:pt x="1733702" y="6294643"/>
                </a:lnTo>
                <a:close/>
                <a:moveTo>
                  <a:pt x="1519800" y="6294643"/>
                </a:moveTo>
                <a:lnTo>
                  <a:pt x="1519800" y="6365944"/>
                </a:lnTo>
                <a:lnTo>
                  <a:pt x="1591101" y="6365944"/>
                </a:lnTo>
                <a:lnTo>
                  <a:pt x="1591101" y="6294643"/>
                </a:lnTo>
                <a:close/>
                <a:moveTo>
                  <a:pt x="1377127" y="6294643"/>
                </a:moveTo>
                <a:lnTo>
                  <a:pt x="1377127" y="6365944"/>
                </a:lnTo>
                <a:lnTo>
                  <a:pt x="1448428" y="6365944"/>
                </a:lnTo>
                <a:lnTo>
                  <a:pt x="1448428" y="6294643"/>
                </a:lnTo>
                <a:close/>
                <a:moveTo>
                  <a:pt x="1234455" y="6294643"/>
                </a:moveTo>
                <a:lnTo>
                  <a:pt x="1234455" y="6365944"/>
                </a:lnTo>
                <a:lnTo>
                  <a:pt x="1305756" y="6365944"/>
                </a:lnTo>
                <a:lnTo>
                  <a:pt x="1305756" y="6294643"/>
                </a:lnTo>
                <a:close/>
                <a:moveTo>
                  <a:pt x="1091853" y="6294643"/>
                </a:moveTo>
                <a:lnTo>
                  <a:pt x="1091853" y="6365944"/>
                </a:lnTo>
                <a:lnTo>
                  <a:pt x="1163154" y="6365944"/>
                </a:lnTo>
                <a:lnTo>
                  <a:pt x="1163154" y="6294643"/>
                </a:lnTo>
                <a:close/>
                <a:moveTo>
                  <a:pt x="949180" y="6294643"/>
                </a:moveTo>
                <a:lnTo>
                  <a:pt x="949180" y="6365944"/>
                </a:lnTo>
                <a:lnTo>
                  <a:pt x="1020481" y="6365944"/>
                </a:lnTo>
                <a:lnTo>
                  <a:pt x="1020481" y="6294643"/>
                </a:lnTo>
                <a:close/>
                <a:moveTo>
                  <a:pt x="806579" y="6294643"/>
                </a:moveTo>
                <a:lnTo>
                  <a:pt x="806579" y="6365944"/>
                </a:lnTo>
                <a:lnTo>
                  <a:pt x="877880" y="6365944"/>
                </a:lnTo>
                <a:lnTo>
                  <a:pt x="877880" y="6294643"/>
                </a:lnTo>
                <a:close/>
                <a:moveTo>
                  <a:pt x="663906" y="6294643"/>
                </a:moveTo>
                <a:lnTo>
                  <a:pt x="663906" y="6365944"/>
                </a:lnTo>
                <a:lnTo>
                  <a:pt x="735207" y="6365944"/>
                </a:lnTo>
                <a:lnTo>
                  <a:pt x="735207" y="6294643"/>
                </a:lnTo>
                <a:close/>
                <a:moveTo>
                  <a:pt x="4372612" y="6152041"/>
                </a:moveTo>
                <a:lnTo>
                  <a:pt x="4372612" y="6223342"/>
                </a:lnTo>
                <a:lnTo>
                  <a:pt x="4443913" y="6223342"/>
                </a:lnTo>
                <a:lnTo>
                  <a:pt x="4443913" y="6152041"/>
                </a:lnTo>
                <a:close/>
                <a:moveTo>
                  <a:pt x="4229939" y="6152041"/>
                </a:moveTo>
                <a:lnTo>
                  <a:pt x="4229939" y="6223342"/>
                </a:lnTo>
                <a:lnTo>
                  <a:pt x="4301240" y="6223342"/>
                </a:lnTo>
                <a:lnTo>
                  <a:pt x="4301240" y="6152041"/>
                </a:lnTo>
                <a:close/>
                <a:moveTo>
                  <a:pt x="4087338" y="6152041"/>
                </a:moveTo>
                <a:lnTo>
                  <a:pt x="4087338" y="6223342"/>
                </a:lnTo>
                <a:lnTo>
                  <a:pt x="4158638" y="6223342"/>
                </a:lnTo>
                <a:lnTo>
                  <a:pt x="4158638" y="6152041"/>
                </a:lnTo>
                <a:close/>
                <a:moveTo>
                  <a:pt x="3944665" y="6152041"/>
                </a:moveTo>
                <a:lnTo>
                  <a:pt x="3944665" y="6223342"/>
                </a:lnTo>
                <a:lnTo>
                  <a:pt x="4015966" y="6223342"/>
                </a:lnTo>
                <a:lnTo>
                  <a:pt x="4015966" y="6152041"/>
                </a:lnTo>
                <a:close/>
                <a:moveTo>
                  <a:pt x="3802063" y="6152041"/>
                </a:moveTo>
                <a:lnTo>
                  <a:pt x="3802063" y="6223342"/>
                </a:lnTo>
                <a:lnTo>
                  <a:pt x="3873364" y="6223342"/>
                </a:lnTo>
                <a:lnTo>
                  <a:pt x="3873364" y="6152041"/>
                </a:lnTo>
                <a:close/>
                <a:moveTo>
                  <a:pt x="3659391" y="6152041"/>
                </a:moveTo>
                <a:lnTo>
                  <a:pt x="3659391" y="6223342"/>
                </a:lnTo>
                <a:lnTo>
                  <a:pt x="3730692" y="6223342"/>
                </a:lnTo>
                <a:lnTo>
                  <a:pt x="3730692" y="6152041"/>
                </a:lnTo>
                <a:close/>
                <a:moveTo>
                  <a:pt x="3516789" y="6152041"/>
                </a:moveTo>
                <a:lnTo>
                  <a:pt x="3516789" y="6223342"/>
                </a:lnTo>
                <a:lnTo>
                  <a:pt x="3588090" y="6223342"/>
                </a:lnTo>
                <a:lnTo>
                  <a:pt x="3588090" y="6152041"/>
                </a:lnTo>
                <a:close/>
                <a:moveTo>
                  <a:pt x="3374117" y="6152041"/>
                </a:moveTo>
                <a:lnTo>
                  <a:pt x="3374117" y="6223342"/>
                </a:lnTo>
                <a:lnTo>
                  <a:pt x="3445417" y="6223342"/>
                </a:lnTo>
                <a:lnTo>
                  <a:pt x="3445417" y="6152041"/>
                </a:lnTo>
                <a:close/>
                <a:moveTo>
                  <a:pt x="3231444" y="6152041"/>
                </a:moveTo>
                <a:lnTo>
                  <a:pt x="3231444" y="6223342"/>
                </a:lnTo>
                <a:lnTo>
                  <a:pt x="3302745" y="6223342"/>
                </a:lnTo>
                <a:lnTo>
                  <a:pt x="3302745" y="6152041"/>
                </a:lnTo>
                <a:close/>
                <a:moveTo>
                  <a:pt x="3088843" y="6152041"/>
                </a:moveTo>
                <a:lnTo>
                  <a:pt x="3088843" y="6223342"/>
                </a:lnTo>
                <a:lnTo>
                  <a:pt x="3160144" y="6223342"/>
                </a:lnTo>
                <a:lnTo>
                  <a:pt x="3160144" y="6152041"/>
                </a:lnTo>
                <a:close/>
                <a:moveTo>
                  <a:pt x="2946170" y="6152041"/>
                </a:moveTo>
                <a:lnTo>
                  <a:pt x="2946170" y="6223342"/>
                </a:lnTo>
                <a:lnTo>
                  <a:pt x="3017471" y="6223342"/>
                </a:lnTo>
                <a:lnTo>
                  <a:pt x="3017471" y="6152041"/>
                </a:lnTo>
                <a:close/>
                <a:moveTo>
                  <a:pt x="2803569" y="6152041"/>
                </a:moveTo>
                <a:lnTo>
                  <a:pt x="2803569" y="6223342"/>
                </a:lnTo>
                <a:lnTo>
                  <a:pt x="2874870" y="6223342"/>
                </a:lnTo>
                <a:lnTo>
                  <a:pt x="2874870" y="6152041"/>
                </a:lnTo>
                <a:close/>
                <a:moveTo>
                  <a:pt x="2660896" y="6152041"/>
                </a:moveTo>
                <a:lnTo>
                  <a:pt x="2660896" y="6223342"/>
                </a:lnTo>
                <a:lnTo>
                  <a:pt x="2732197" y="6223342"/>
                </a:lnTo>
                <a:lnTo>
                  <a:pt x="2732197" y="6152041"/>
                </a:lnTo>
                <a:close/>
                <a:moveTo>
                  <a:pt x="2518224" y="6152041"/>
                </a:moveTo>
                <a:lnTo>
                  <a:pt x="2518224" y="6223342"/>
                </a:lnTo>
                <a:lnTo>
                  <a:pt x="2589525" y="6223342"/>
                </a:lnTo>
                <a:lnTo>
                  <a:pt x="2589525" y="6152041"/>
                </a:lnTo>
                <a:close/>
                <a:moveTo>
                  <a:pt x="2375622" y="6152041"/>
                </a:moveTo>
                <a:lnTo>
                  <a:pt x="2375622" y="6223342"/>
                </a:lnTo>
                <a:lnTo>
                  <a:pt x="2446923" y="6223342"/>
                </a:lnTo>
                <a:lnTo>
                  <a:pt x="2446923" y="6152041"/>
                </a:lnTo>
                <a:close/>
                <a:moveTo>
                  <a:pt x="2232949" y="6152041"/>
                </a:moveTo>
                <a:lnTo>
                  <a:pt x="2232949" y="6223342"/>
                </a:lnTo>
                <a:lnTo>
                  <a:pt x="2304250" y="6223342"/>
                </a:lnTo>
                <a:lnTo>
                  <a:pt x="2304250" y="6152041"/>
                </a:lnTo>
                <a:close/>
                <a:moveTo>
                  <a:pt x="2090348" y="6152041"/>
                </a:moveTo>
                <a:lnTo>
                  <a:pt x="2090348" y="6223342"/>
                </a:lnTo>
                <a:lnTo>
                  <a:pt x="2161649" y="6223342"/>
                </a:lnTo>
                <a:lnTo>
                  <a:pt x="2161649" y="6152041"/>
                </a:lnTo>
                <a:close/>
                <a:moveTo>
                  <a:pt x="1947675" y="6152041"/>
                </a:moveTo>
                <a:lnTo>
                  <a:pt x="1947675" y="6223342"/>
                </a:lnTo>
                <a:lnTo>
                  <a:pt x="2018976" y="6223342"/>
                </a:lnTo>
                <a:lnTo>
                  <a:pt x="2018976" y="6152041"/>
                </a:lnTo>
                <a:close/>
                <a:moveTo>
                  <a:pt x="1805074" y="6152041"/>
                </a:moveTo>
                <a:lnTo>
                  <a:pt x="1805074" y="6223342"/>
                </a:lnTo>
                <a:lnTo>
                  <a:pt x="1876375" y="6223342"/>
                </a:lnTo>
                <a:lnTo>
                  <a:pt x="1876375" y="6152041"/>
                </a:lnTo>
                <a:close/>
                <a:moveTo>
                  <a:pt x="1662401" y="6152041"/>
                </a:moveTo>
                <a:lnTo>
                  <a:pt x="1662401" y="6223342"/>
                </a:lnTo>
                <a:lnTo>
                  <a:pt x="1733702" y="6223342"/>
                </a:lnTo>
                <a:lnTo>
                  <a:pt x="1733702" y="6152041"/>
                </a:lnTo>
                <a:close/>
                <a:moveTo>
                  <a:pt x="1519800" y="6152041"/>
                </a:moveTo>
                <a:lnTo>
                  <a:pt x="1519800" y="6223342"/>
                </a:lnTo>
                <a:lnTo>
                  <a:pt x="1591101" y="6223342"/>
                </a:lnTo>
                <a:lnTo>
                  <a:pt x="1591101" y="6152041"/>
                </a:lnTo>
                <a:close/>
                <a:moveTo>
                  <a:pt x="1377127" y="6152041"/>
                </a:moveTo>
                <a:lnTo>
                  <a:pt x="1377127" y="6223342"/>
                </a:lnTo>
                <a:lnTo>
                  <a:pt x="1448428" y="6223342"/>
                </a:lnTo>
                <a:lnTo>
                  <a:pt x="1448428" y="6152041"/>
                </a:lnTo>
                <a:close/>
                <a:moveTo>
                  <a:pt x="1234455" y="6152041"/>
                </a:moveTo>
                <a:lnTo>
                  <a:pt x="1234455" y="6223342"/>
                </a:lnTo>
                <a:lnTo>
                  <a:pt x="1305756" y="6223342"/>
                </a:lnTo>
                <a:lnTo>
                  <a:pt x="1305756" y="6152041"/>
                </a:lnTo>
                <a:close/>
                <a:moveTo>
                  <a:pt x="1091853" y="6152041"/>
                </a:moveTo>
                <a:lnTo>
                  <a:pt x="1091853" y="6223342"/>
                </a:lnTo>
                <a:lnTo>
                  <a:pt x="1163154" y="6223342"/>
                </a:lnTo>
                <a:lnTo>
                  <a:pt x="1163154" y="6152041"/>
                </a:lnTo>
                <a:close/>
                <a:moveTo>
                  <a:pt x="949180" y="6152041"/>
                </a:moveTo>
                <a:lnTo>
                  <a:pt x="949180" y="6223342"/>
                </a:lnTo>
                <a:lnTo>
                  <a:pt x="1020481" y="6223342"/>
                </a:lnTo>
                <a:lnTo>
                  <a:pt x="1020481" y="6152041"/>
                </a:lnTo>
                <a:close/>
                <a:moveTo>
                  <a:pt x="806579" y="6152041"/>
                </a:moveTo>
                <a:lnTo>
                  <a:pt x="806579" y="6223342"/>
                </a:lnTo>
                <a:lnTo>
                  <a:pt x="877880" y="6223342"/>
                </a:lnTo>
                <a:lnTo>
                  <a:pt x="877880" y="6152041"/>
                </a:lnTo>
                <a:close/>
                <a:moveTo>
                  <a:pt x="4657886" y="6009369"/>
                </a:moveTo>
                <a:lnTo>
                  <a:pt x="4657886" y="6080670"/>
                </a:lnTo>
                <a:lnTo>
                  <a:pt x="4729187" y="6080670"/>
                </a:lnTo>
                <a:lnTo>
                  <a:pt x="4729187" y="6009369"/>
                </a:lnTo>
                <a:close/>
                <a:moveTo>
                  <a:pt x="4515284" y="6009369"/>
                </a:moveTo>
                <a:lnTo>
                  <a:pt x="4515284" y="6080670"/>
                </a:lnTo>
                <a:lnTo>
                  <a:pt x="4586584" y="6080670"/>
                </a:lnTo>
                <a:lnTo>
                  <a:pt x="4586584" y="6009369"/>
                </a:lnTo>
                <a:close/>
                <a:moveTo>
                  <a:pt x="4372612" y="6009369"/>
                </a:moveTo>
                <a:lnTo>
                  <a:pt x="4372612" y="6080670"/>
                </a:lnTo>
                <a:lnTo>
                  <a:pt x="4443913" y="6080670"/>
                </a:lnTo>
                <a:lnTo>
                  <a:pt x="4443913" y="6009369"/>
                </a:lnTo>
                <a:close/>
                <a:moveTo>
                  <a:pt x="4229939" y="6009369"/>
                </a:moveTo>
                <a:lnTo>
                  <a:pt x="4229939" y="6080670"/>
                </a:lnTo>
                <a:lnTo>
                  <a:pt x="4301240" y="6080670"/>
                </a:lnTo>
                <a:lnTo>
                  <a:pt x="4301240" y="6009369"/>
                </a:lnTo>
                <a:close/>
                <a:moveTo>
                  <a:pt x="4087338" y="6009369"/>
                </a:moveTo>
                <a:lnTo>
                  <a:pt x="4087338" y="6080670"/>
                </a:lnTo>
                <a:lnTo>
                  <a:pt x="4158638" y="6080670"/>
                </a:lnTo>
                <a:lnTo>
                  <a:pt x="4158638" y="6009369"/>
                </a:lnTo>
                <a:close/>
                <a:moveTo>
                  <a:pt x="3944665" y="6009369"/>
                </a:moveTo>
                <a:lnTo>
                  <a:pt x="3944665" y="6080670"/>
                </a:lnTo>
                <a:lnTo>
                  <a:pt x="4015966" y="6080670"/>
                </a:lnTo>
                <a:lnTo>
                  <a:pt x="4015966" y="6009369"/>
                </a:lnTo>
                <a:close/>
                <a:moveTo>
                  <a:pt x="3802063" y="6009369"/>
                </a:moveTo>
                <a:lnTo>
                  <a:pt x="3802063" y="6080670"/>
                </a:lnTo>
                <a:lnTo>
                  <a:pt x="3873364" y="6080670"/>
                </a:lnTo>
                <a:lnTo>
                  <a:pt x="3873364" y="6009369"/>
                </a:lnTo>
                <a:close/>
                <a:moveTo>
                  <a:pt x="3659391" y="6009369"/>
                </a:moveTo>
                <a:lnTo>
                  <a:pt x="3659391" y="6080670"/>
                </a:lnTo>
                <a:lnTo>
                  <a:pt x="3730692" y="6080670"/>
                </a:lnTo>
                <a:lnTo>
                  <a:pt x="3730692" y="6009369"/>
                </a:lnTo>
                <a:close/>
                <a:moveTo>
                  <a:pt x="3516789" y="6009369"/>
                </a:moveTo>
                <a:lnTo>
                  <a:pt x="3516789" y="6080670"/>
                </a:lnTo>
                <a:lnTo>
                  <a:pt x="3588090" y="6080670"/>
                </a:lnTo>
                <a:lnTo>
                  <a:pt x="3588090" y="6009369"/>
                </a:lnTo>
                <a:close/>
                <a:moveTo>
                  <a:pt x="3374117" y="6009369"/>
                </a:moveTo>
                <a:lnTo>
                  <a:pt x="3374117" y="6080670"/>
                </a:lnTo>
                <a:lnTo>
                  <a:pt x="3445417" y="6080670"/>
                </a:lnTo>
                <a:lnTo>
                  <a:pt x="3445417" y="6009369"/>
                </a:lnTo>
                <a:close/>
                <a:moveTo>
                  <a:pt x="3231444" y="6009369"/>
                </a:moveTo>
                <a:lnTo>
                  <a:pt x="3231444" y="6080670"/>
                </a:lnTo>
                <a:lnTo>
                  <a:pt x="3302745" y="6080670"/>
                </a:lnTo>
                <a:lnTo>
                  <a:pt x="3302745" y="6009369"/>
                </a:lnTo>
                <a:close/>
                <a:moveTo>
                  <a:pt x="3088843" y="6009369"/>
                </a:moveTo>
                <a:lnTo>
                  <a:pt x="3088843" y="6080670"/>
                </a:lnTo>
                <a:lnTo>
                  <a:pt x="3160144" y="6080670"/>
                </a:lnTo>
                <a:lnTo>
                  <a:pt x="3160144" y="6009369"/>
                </a:lnTo>
                <a:close/>
                <a:moveTo>
                  <a:pt x="2946170" y="6009369"/>
                </a:moveTo>
                <a:lnTo>
                  <a:pt x="2946170" y="6080670"/>
                </a:lnTo>
                <a:lnTo>
                  <a:pt x="3017471" y="6080670"/>
                </a:lnTo>
                <a:lnTo>
                  <a:pt x="3017471" y="6009369"/>
                </a:lnTo>
                <a:close/>
                <a:moveTo>
                  <a:pt x="2803569" y="6009369"/>
                </a:moveTo>
                <a:lnTo>
                  <a:pt x="2803569" y="6080670"/>
                </a:lnTo>
                <a:lnTo>
                  <a:pt x="2874870" y="6080670"/>
                </a:lnTo>
                <a:lnTo>
                  <a:pt x="2874870" y="6009369"/>
                </a:lnTo>
                <a:close/>
                <a:moveTo>
                  <a:pt x="2660896" y="6009369"/>
                </a:moveTo>
                <a:lnTo>
                  <a:pt x="2660896" y="6080670"/>
                </a:lnTo>
                <a:lnTo>
                  <a:pt x="2732197" y="6080670"/>
                </a:lnTo>
                <a:lnTo>
                  <a:pt x="2732197" y="6009369"/>
                </a:lnTo>
                <a:close/>
                <a:moveTo>
                  <a:pt x="2518224" y="6009369"/>
                </a:moveTo>
                <a:lnTo>
                  <a:pt x="2518224" y="6080670"/>
                </a:lnTo>
                <a:lnTo>
                  <a:pt x="2589525" y="6080670"/>
                </a:lnTo>
                <a:lnTo>
                  <a:pt x="2589525" y="6009369"/>
                </a:lnTo>
                <a:close/>
                <a:moveTo>
                  <a:pt x="2375622" y="6009369"/>
                </a:moveTo>
                <a:lnTo>
                  <a:pt x="2375622" y="6080670"/>
                </a:lnTo>
                <a:lnTo>
                  <a:pt x="2446923" y="6080670"/>
                </a:lnTo>
                <a:lnTo>
                  <a:pt x="2446923" y="6009369"/>
                </a:lnTo>
                <a:close/>
                <a:moveTo>
                  <a:pt x="2232949" y="6009369"/>
                </a:moveTo>
                <a:lnTo>
                  <a:pt x="2232949" y="6080670"/>
                </a:lnTo>
                <a:lnTo>
                  <a:pt x="2304250" y="6080670"/>
                </a:lnTo>
                <a:lnTo>
                  <a:pt x="2304250" y="6009369"/>
                </a:lnTo>
                <a:close/>
                <a:moveTo>
                  <a:pt x="2090348" y="6009369"/>
                </a:moveTo>
                <a:lnTo>
                  <a:pt x="2090348" y="6080670"/>
                </a:lnTo>
                <a:lnTo>
                  <a:pt x="2161649" y="6080670"/>
                </a:lnTo>
                <a:lnTo>
                  <a:pt x="2161649" y="6009369"/>
                </a:lnTo>
                <a:close/>
                <a:moveTo>
                  <a:pt x="1947675" y="6009369"/>
                </a:moveTo>
                <a:lnTo>
                  <a:pt x="1947675" y="6080670"/>
                </a:lnTo>
                <a:lnTo>
                  <a:pt x="2018976" y="6080670"/>
                </a:lnTo>
                <a:lnTo>
                  <a:pt x="2018976" y="6009369"/>
                </a:lnTo>
                <a:close/>
                <a:moveTo>
                  <a:pt x="1805074" y="6009369"/>
                </a:moveTo>
                <a:lnTo>
                  <a:pt x="1805074" y="6080670"/>
                </a:lnTo>
                <a:lnTo>
                  <a:pt x="1876375" y="6080670"/>
                </a:lnTo>
                <a:lnTo>
                  <a:pt x="1876375" y="6009369"/>
                </a:lnTo>
                <a:close/>
                <a:moveTo>
                  <a:pt x="1662401" y="6009369"/>
                </a:moveTo>
                <a:lnTo>
                  <a:pt x="1662401" y="6080670"/>
                </a:lnTo>
                <a:lnTo>
                  <a:pt x="1733702" y="6080670"/>
                </a:lnTo>
                <a:lnTo>
                  <a:pt x="1733702" y="6009369"/>
                </a:lnTo>
                <a:close/>
                <a:moveTo>
                  <a:pt x="1519800" y="6009369"/>
                </a:moveTo>
                <a:lnTo>
                  <a:pt x="1519800" y="6080670"/>
                </a:lnTo>
                <a:lnTo>
                  <a:pt x="1591101" y="6080670"/>
                </a:lnTo>
                <a:lnTo>
                  <a:pt x="1591101" y="6009369"/>
                </a:lnTo>
                <a:close/>
                <a:moveTo>
                  <a:pt x="1377127" y="6009369"/>
                </a:moveTo>
                <a:lnTo>
                  <a:pt x="1377127" y="6080670"/>
                </a:lnTo>
                <a:lnTo>
                  <a:pt x="1448428" y="6080670"/>
                </a:lnTo>
                <a:lnTo>
                  <a:pt x="1448428" y="6009369"/>
                </a:lnTo>
                <a:close/>
                <a:moveTo>
                  <a:pt x="1234455" y="6009369"/>
                </a:moveTo>
                <a:lnTo>
                  <a:pt x="1234455" y="6080670"/>
                </a:lnTo>
                <a:lnTo>
                  <a:pt x="1305756" y="6080670"/>
                </a:lnTo>
                <a:lnTo>
                  <a:pt x="1305756" y="6009369"/>
                </a:lnTo>
                <a:close/>
                <a:moveTo>
                  <a:pt x="1091853" y="6009369"/>
                </a:moveTo>
                <a:lnTo>
                  <a:pt x="1091853" y="6080670"/>
                </a:lnTo>
                <a:lnTo>
                  <a:pt x="1163154" y="6080670"/>
                </a:lnTo>
                <a:lnTo>
                  <a:pt x="1163154" y="6009369"/>
                </a:lnTo>
                <a:close/>
                <a:moveTo>
                  <a:pt x="949180" y="6009369"/>
                </a:moveTo>
                <a:lnTo>
                  <a:pt x="949180" y="6080670"/>
                </a:lnTo>
                <a:lnTo>
                  <a:pt x="1020481" y="6080670"/>
                </a:lnTo>
                <a:lnTo>
                  <a:pt x="1020481" y="6009369"/>
                </a:lnTo>
                <a:close/>
                <a:moveTo>
                  <a:pt x="6807516" y="0"/>
                </a:moveTo>
                <a:lnTo>
                  <a:pt x="6809163" y="6826901"/>
                </a:lnTo>
                <a:lnTo>
                  <a:pt x="0" y="6826901"/>
                </a:lnTo>
                <a:lnTo>
                  <a:pt x="378632" y="6447189"/>
                </a:lnTo>
                <a:lnTo>
                  <a:pt x="378632" y="6514582"/>
                </a:lnTo>
                <a:lnTo>
                  <a:pt x="449934" y="6514582"/>
                </a:lnTo>
                <a:lnTo>
                  <a:pt x="449934" y="6443281"/>
                </a:lnTo>
                <a:lnTo>
                  <a:pt x="382530" y="6443281"/>
                </a:lnTo>
                <a:lnTo>
                  <a:pt x="521234" y="6304180"/>
                </a:lnTo>
                <a:lnTo>
                  <a:pt x="521234" y="6365944"/>
                </a:lnTo>
                <a:lnTo>
                  <a:pt x="592536" y="6365944"/>
                </a:lnTo>
                <a:lnTo>
                  <a:pt x="592536" y="6294643"/>
                </a:lnTo>
                <a:lnTo>
                  <a:pt x="530745" y="6294643"/>
                </a:lnTo>
                <a:lnTo>
                  <a:pt x="663906" y="6161102"/>
                </a:lnTo>
                <a:lnTo>
                  <a:pt x="663906" y="6223342"/>
                </a:lnTo>
                <a:lnTo>
                  <a:pt x="735207" y="6223342"/>
                </a:lnTo>
                <a:lnTo>
                  <a:pt x="735207" y="6152041"/>
                </a:lnTo>
                <a:lnTo>
                  <a:pt x="672942" y="6152041"/>
                </a:lnTo>
                <a:lnTo>
                  <a:pt x="806579" y="6018022"/>
                </a:lnTo>
                <a:lnTo>
                  <a:pt x="806579" y="6080670"/>
                </a:lnTo>
                <a:lnTo>
                  <a:pt x="877880" y="6080670"/>
                </a:lnTo>
                <a:lnTo>
                  <a:pt x="877880" y="6009369"/>
                </a:lnTo>
                <a:lnTo>
                  <a:pt x="815208" y="6009369"/>
                </a:lnTo>
                <a:close/>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nchor="ctr">
            <a:noAutofit/>
          </a:bodyPr>
          <a:lstStyle>
            <a:lvl1pPr marL="0" indent="0" algn="r">
              <a:buNone/>
              <a:defRPr/>
            </a:lvl1pPr>
          </a:lstStyle>
          <a:p>
            <a:r>
              <a:rPr lang="nl-NL" sz="1800" i="1">
                <a:solidFill>
                  <a:srgbClr val="000000"/>
                </a:solidFill>
                <a:effectLst/>
                <a:latin typeface="Arial" panose="020B0604020202020204" pitchFamily="34" charset="0"/>
                <a:ea typeface="Calibri" panose="020F0502020204030204" pitchFamily="34" charset="0"/>
              </a:rPr>
              <a:t>Klik op deze vorm en kies een afbeelding uit de Templafy bibliotheek</a:t>
            </a:r>
            <a:endParaRPr lang="en-US"/>
          </a:p>
        </p:txBody>
      </p:sp>
      <p:sp>
        <p:nvSpPr>
          <p:cNvPr id="84" name="Titel 1">
            <a:extLst>
              <a:ext uri="{FF2B5EF4-FFF2-40B4-BE49-F238E27FC236}">
                <a16:creationId xmlns:a16="http://schemas.microsoft.com/office/drawing/2014/main" id="{47AE4C24-5AF6-4E4A-9315-DADF6661528D}"/>
              </a:ext>
            </a:extLst>
          </p:cNvPr>
          <p:cNvSpPr>
            <a:spLocks noGrp="1"/>
          </p:cNvSpPr>
          <p:nvPr>
            <p:ph type="ctrTitle" hasCustomPrompt="1"/>
          </p:nvPr>
        </p:nvSpPr>
        <p:spPr>
          <a:xfrm>
            <a:off x="631825" y="1776548"/>
            <a:ext cx="7411909" cy="894117"/>
          </a:xfrm>
        </p:spPr>
        <p:txBody>
          <a:bodyPr anchor="t">
            <a:noAutofit/>
          </a:bodyPr>
          <a:lstStyle>
            <a:lvl1pPr algn="l">
              <a:defRPr sz="6000">
                <a:solidFill>
                  <a:schemeClr val="accent1"/>
                </a:solidFill>
              </a:defRPr>
            </a:lvl1pPr>
          </a:lstStyle>
          <a:p>
            <a:r>
              <a:rPr lang="nl-NL"/>
              <a:t>Voeg titel toe</a:t>
            </a:r>
            <a:endParaRPr lang="en-GB" noProof="0"/>
          </a:p>
        </p:txBody>
      </p:sp>
      <p:sp>
        <p:nvSpPr>
          <p:cNvPr id="86" name="Freeform: Shape 85">
            <a:extLst>
              <a:ext uri="{FF2B5EF4-FFF2-40B4-BE49-F238E27FC236}">
                <a16:creationId xmlns:a16="http://schemas.microsoft.com/office/drawing/2014/main" id="{D3477D4A-1B0D-4855-AED5-020E217FE9FF}"/>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87" name="Freeform: Shape 86">
            <a:extLst>
              <a:ext uri="{FF2B5EF4-FFF2-40B4-BE49-F238E27FC236}">
                <a16:creationId xmlns:a16="http://schemas.microsoft.com/office/drawing/2014/main" id="{5BD62A7A-5FD3-4FEB-9530-EE0F5C360BF2}"/>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88" name="Freeform: Shape 87">
            <a:extLst>
              <a:ext uri="{FF2B5EF4-FFF2-40B4-BE49-F238E27FC236}">
                <a16:creationId xmlns:a16="http://schemas.microsoft.com/office/drawing/2014/main" id="{BF4E971B-879B-492E-8AAF-364F70D9EBD3}"/>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89" name="Freeform: Shape 88">
            <a:extLst>
              <a:ext uri="{FF2B5EF4-FFF2-40B4-BE49-F238E27FC236}">
                <a16:creationId xmlns:a16="http://schemas.microsoft.com/office/drawing/2014/main" id="{0CA55659-6962-4045-9083-644EB9C284B3}"/>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0" name="Freeform: Shape 89">
            <a:extLst>
              <a:ext uri="{FF2B5EF4-FFF2-40B4-BE49-F238E27FC236}">
                <a16:creationId xmlns:a16="http://schemas.microsoft.com/office/drawing/2014/main" id="{EA8B184D-B4CC-4BCE-92F0-0D4497CF0DAC}"/>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1" name="Freeform: Shape 90">
            <a:extLst>
              <a:ext uri="{FF2B5EF4-FFF2-40B4-BE49-F238E27FC236}">
                <a16:creationId xmlns:a16="http://schemas.microsoft.com/office/drawing/2014/main" id="{BA4EDA8B-7AE3-4FA2-9C3A-AECE66D040AE}"/>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2" name="Freeform: Shape 91">
            <a:extLst>
              <a:ext uri="{FF2B5EF4-FFF2-40B4-BE49-F238E27FC236}">
                <a16:creationId xmlns:a16="http://schemas.microsoft.com/office/drawing/2014/main" id="{CDBAE73D-B3FA-4C9F-93B2-EDE39CFAD2E1}"/>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3" name="Freeform: Shape 92">
            <a:extLst>
              <a:ext uri="{FF2B5EF4-FFF2-40B4-BE49-F238E27FC236}">
                <a16:creationId xmlns:a16="http://schemas.microsoft.com/office/drawing/2014/main" id="{93776FFC-3176-4623-8D60-367E08FCE2B7}"/>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4" name="Freeform: Shape 93">
            <a:extLst>
              <a:ext uri="{FF2B5EF4-FFF2-40B4-BE49-F238E27FC236}">
                <a16:creationId xmlns:a16="http://schemas.microsoft.com/office/drawing/2014/main" id="{40993F3E-2EF6-47BC-AA1A-D377BD805AE2}"/>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5" name="Freeform: Shape 94">
            <a:extLst>
              <a:ext uri="{FF2B5EF4-FFF2-40B4-BE49-F238E27FC236}">
                <a16:creationId xmlns:a16="http://schemas.microsoft.com/office/drawing/2014/main" id="{5403741D-A913-4F97-85DE-B43A88A382C9}"/>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grpSp>
        <p:nvGrpSpPr>
          <p:cNvPr id="649" name="Group 648">
            <a:extLst>
              <a:ext uri="{FF2B5EF4-FFF2-40B4-BE49-F238E27FC236}">
                <a16:creationId xmlns:a16="http://schemas.microsoft.com/office/drawing/2014/main" id="{952A5519-D437-4A8B-A663-A8A33FA7FC5C}"/>
              </a:ext>
            </a:extLst>
          </p:cNvPr>
          <p:cNvGrpSpPr/>
          <p:nvPr userDrawn="1"/>
        </p:nvGrpSpPr>
        <p:grpSpPr>
          <a:xfrm>
            <a:off x="57964" y="6040468"/>
            <a:ext cx="10054060" cy="505212"/>
            <a:chOff x="57964" y="6040468"/>
            <a:chExt cx="10054060" cy="505212"/>
          </a:xfrm>
          <a:solidFill>
            <a:schemeClr val="bg1"/>
          </a:solidFill>
        </p:grpSpPr>
        <p:sp>
          <p:nvSpPr>
            <p:cNvPr id="650" name="Freeform: Shape 649">
              <a:extLst>
                <a:ext uri="{FF2B5EF4-FFF2-40B4-BE49-F238E27FC236}">
                  <a16:creationId xmlns:a16="http://schemas.microsoft.com/office/drawing/2014/main" id="{4A7579D9-3E86-43B0-9A0A-ED11D977BEDA}"/>
                </a:ext>
              </a:extLst>
            </p:cNvPr>
            <p:cNvSpPr/>
            <p:nvPr/>
          </p:nvSpPr>
          <p:spPr>
            <a:xfrm>
              <a:off x="918490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1" name="Freeform: Shape 650">
              <a:extLst>
                <a:ext uri="{FF2B5EF4-FFF2-40B4-BE49-F238E27FC236}">
                  <a16:creationId xmlns:a16="http://schemas.microsoft.com/office/drawing/2014/main" id="{84CA168E-8F9F-4A32-BA8F-DADFEA16E4B7}"/>
                </a:ext>
              </a:extLst>
            </p:cNvPr>
            <p:cNvSpPr/>
            <p:nvPr/>
          </p:nvSpPr>
          <p:spPr>
            <a:xfrm>
              <a:off x="918490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2" name="Freeform: Shape 651">
              <a:extLst>
                <a:ext uri="{FF2B5EF4-FFF2-40B4-BE49-F238E27FC236}">
                  <a16:creationId xmlns:a16="http://schemas.microsoft.com/office/drawing/2014/main" id="{AD730FAD-CDC3-49E6-BA15-7B907AAD4D23}"/>
                </a:ext>
              </a:extLst>
            </p:cNvPr>
            <p:cNvSpPr/>
            <p:nvPr/>
          </p:nvSpPr>
          <p:spPr>
            <a:xfrm>
              <a:off x="918490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3" name="Freeform: Shape 652">
              <a:extLst>
                <a:ext uri="{FF2B5EF4-FFF2-40B4-BE49-F238E27FC236}">
                  <a16:creationId xmlns:a16="http://schemas.microsoft.com/office/drawing/2014/main" id="{CD62EDF1-3DF8-440D-B5ED-45AAAFF5671D}"/>
                </a:ext>
              </a:extLst>
            </p:cNvPr>
            <p:cNvSpPr/>
            <p:nvPr/>
          </p:nvSpPr>
          <p:spPr>
            <a:xfrm>
              <a:off x="932750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4" name="Freeform: Shape 653">
              <a:extLst>
                <a:ext uri="{FF2B5EF4-FFF2-40B4-BE49-F238E27FC236}">
                  <a16:creationId xmlns:a16="http://schemas.microsoft.com/office/drawing/2014/main" id="{887E48FE-D4AD-4ECB-B036-AA78FEDC71DE}"/>
                </a:ext>
              </a:extLst>
            </p:cNvPr>
            <p:cNvSpPr/>
            <p:nvPr/>
          </p:nvSpPr>
          <p:spPr>
            <a:xfrm>
              <a:off x="932750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5" name="Freeform: Shape 654">
              <a:extLst>
                <a:ext uri="{FF2B5EF4-FFF2-40B4-BE49-F238E27FC236}">
                  <a16:creationId xmlns:a16="http://schemas.microsoft.com/office/drawing/2014/main" id="{DD0AB86F-549C-4197-814B-C0BEE456379B}"/>
                </a:ext>
              </a:extLst>
            </p:cNvPr>
            <p:cNvSpPr/>
            <p:nvPr/>
          </p:nvSpPr>
          <p:spPr>
            <a:xfrm>
              <a:off x="932750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6" name="Freeform: Shape 655">
              <a:extLst>
                <a:ext uri="{FF2B5EF4-FFF2-40B4-BE49-F238E27FC236}">
                  <a16:creationId xmlns:a16="http://schemas.microsoft.com/office/drawing/2014/main" id="{B3A9E766-475E-45D7-81CA-DE49036C11D8}"/>
                </a:ext>
              </a:extLst>
            </p:cNvPr>
            <p:cNvSpPr/>
            <p:nvPr/>
          </p:nvSpPr>
          <p:spPr>
            <a:xfrm>
              <a:off x="9470176"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57" name="Freeform: Shape 656">
              <a:extLst>
                <a:ext uri="{FF2B5EF4-FFF2-40B4-BE49-F238E27FC236}">
                  <a16:creationId xmlns:a16="http://schemas.microsoft.com/office/drawing/2014/main" id="{ED0D4E3C-55B4-4BED-91C4-F6EA2137F3DD}"/>
                </a:ext>
              </a:extLst>
            </p:cNvPr>
            <p:cNvSpPr/>
            <p:nvPr/>
          </p:nvSpPr>
          <p:spPr>
            <a:xfrm>
              <a:off x="9470176"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58" name="Freeform: Shape 657">
              <a:extLst>
                <a:ext uri="{FF2B5EF4-FFF2-40B4-BE49-F238E27FC236}">
                  <a16:creationId xmlns:a16="http://schemas.microsoft.com/office/drawing/2014/main" id="{360C6004-1BF8-41EB-8CAF-F15FB0802B3E}"/>
                </a:ext>
              </a:extLst>
            </p:cNvPr>
            <p:cNvSpPr/>
            <p:nvPr/>
          </p:nvSpPr>
          <p:spPr>
            <a:xfrm>
              <a:off x="9470176"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59" name="Freeform: Shape 658">
              <a:extLst>
                <a:ext uri="{FF2B5EF4-FFF2-40B4-BE49-F238E27FC236}">
                  <a16:creationId xmlns:a16="http://schemas.microsoft.com/office/drawing/2014/main" id="{3A66472D-1D37-4FFB-8731-BB2F9C61273E}"/>
                </a:ext>
              </a:extLst>
            </p:cNvPr>
            <p:cNvSpPr/>
            <p:nvPr/>
          </p:nvSpPr>
          <p:spPr>
            <a:xfrm>
              <a:off x="961277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0" name="Freeform: Shape 659">
              <a:extLst>
                <a:ext uri="{FF2B5EF4-FFF2-40B4-BE49-F238E27FC236}">
                  <a16:creationId xmlns:a16="http://schemas.microsoft.com/office/drawing/2014/main" id="{F7448FFD-193B-428F-A58A-20C90547954B}"/>
                </a:ext>
              </a:extLst>
            </p:cNvPr>
            <p:cNvSpPr/>
            <p:nvPr/>
          </p:nvSpPr>
          <p:spPr>
            <a:xfrm>
              <a:off x="961277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1" name="Freeform: Shape 660">
              <a:extLst>
                <a:ext uri="{FF2B5EF4-FFF2-40B4-BE49-F238E27FC236}">
                  <a16:creationId xmlns:a16="http://schemas.microsoft.com/office/drawing/2014/main" id="{81D0E35F-8D82-4808-A418-B0819A834ADF}"/>
                </a:ext>
              </a:extLst>
            </p:cNvPr>
            <p:cNvSpPr/>
            <p:nvPr/>
          </p:nvSpPr>
          <p:spPr>
            <a:xfrm>
              <a:off x="961277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2" name="Freeform: Shape 661">
              <a:extLst>
                <a:ext uri="{FF2B5EF4-FFF2-40B4-BE49-F238E27FC236}">
                  <a16:creationId xmlns:a16="http://schemas.microsoft.com/office/drawing/2014/main" id="{635A3189-5725-4751-9F9A-10150E752D75}"/>
                </a:ext>
              </a:extLst>
            </p:cNvPr>
            <p:cNvSpPr/>
            <p:nvPr/>
          </p:nvSpPr>
          <p:spPr>
            <a:xfrm>
              <a:off x="97554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3" name="Freeform: Shape 662">
              <a:extLst>
                <a:ext uri="{FF2B5EF4-FFF2-40B4-BE49-F238E27FC236}">
                  <a16:creationId xmlns:a16="http://schemas.microsoft.com/office/drawing/2014/main" id="{3673D3F1-1669-495D-9EA0-BF2AFFF76D98}"/>
                </a:ext>
              </a:extLst>
            </p:cNvPr>
            <p:cNvSpPr/>
            <p:nvPr/>
          </p:nvSpPr>
          <p:spPr>
            <a:xfrm>
              <a:off x="97554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4" name="Freeform: Shape 663">
              <a:extLst>
                <a:ext uri="{FF2B5EF4-FFF2-40B4-BE49-F238E27FC236}">
                  <a16:creationId xmlns:a16="http://schemas.microsoft.com/office/drawing/2014/main" id="{66830FA0-3E46-4524-BBC1-225DED9B19C0}"/>
                </a:ext>
              </a:extLst>
            </p:cNvPr>
            <p:cNvSpPr/>
            <p:nvPr/>
          </p:nvSpPr>
          <p:spPr>
            <a:xfrm>
              <a:off x="97554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5" name="Freeform: Shape 664">
              <a:extLst>
                <a:ext uri="{FF2B5EF4-FFF2-40B4-BE49-F238E27FC236}">
                  <a16:creationId xmlns:a16="http://schemas.microsoft.com/office/drawing/2014/main" id="{88CEE22A-D448-437C-A76A-6E57C851BFFB}"/>
                </a:ext>
              </a:extLst>
            </p:cNvPr>
            <p:cNvSpPr/>
            <p:nvPr/>
          </p:nvSpPr>
          <p:spPr>
            <a:xfrm>
              <a:off x="9898122"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66" name="Freeform: Shape 665">
              <a:extLst>
                <a:ext uri="{FF2B5EF4-FFF2-40B4-BE49-F238E27FC236}">
                  <a16:creationId xmlns:a16="http://schemas.microsoft.com/office/drawing/2014/main" id="{996CBA5F-6BAE-451A-B3E7-2F02EBAD4DA9}"/>
                </a:ext>
              </a:extLst>
            </p:cNvPr>
            <p:cNvSpPr/>
            <p:nvPr/>
          </p:nvSpPr>
          <p:spPr>
            <a:xfrm>
              <a:off x="9898122"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67" name="Freeform: Shape 666">
              <a:extLst>
                <a:ext uri="{FF2B5EF4-FFF2-40B4-BE49-F238E27FC236}">
                  <a16:creationId xmlns:a16="http://schemas.microsoft.com/office/drawing/2014/main" id="{3E0F6371-CAC6-451D-850D-45E04BAE8764}"/>
                </a:ext>
              </a:extLst>
            </p:cNvPr>
            <p:cNvSpPr/>
            <p:nvPr/>
          </p:nvSpPr>
          <p:spPr>
            <a:xfrm>
              <a:off x="100407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8" name="Freeform: Shape 667">
              <a:extLst>
                <a:ext uri="{FF2B5EF4-FFF2-40B4-BE49-F238E27FC236}">
                  <a16:creationId xmlns:a16="http://schemas.microsoft.com/office/drawing/2014/main" id="{03B625C9-3894-4CBE-BE41-A31D5C0B957C}"/>
                </a:ext>
              </a:extLst>
            </p:cNvPr>
            <p:cNvSpPr/>
            <p:nvPr/>
          </p:nvSpPr>
          <p:spPr>
            <a:xfrm>
              <a:off x="100407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9" name="Freeform: Shape 668">
              <a:extLst>
                <a:ext uri="{FF2B5EF4-FFF2-40B4-BE49-F238E27FC236}">
                  <a16:creationId xmlns:a16="http://schemas.microsoft.com/office/drawing/2014/main" id="{542C7D84-BEF8-40ED-873A-732694A81B71}"/>
                </a:ext>
              </a:extLst>
            </p:cNvPr>
            <p:cNvSpPr/>
            <p:nvPr/>
          </p:nvSpPr>
          <p:spPr>
            <a:xfrm>
              <a:off x="50482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0" name="Freeform: Shape 669">
              <a:extLst>
                <a:ext uri="{FF2B5EF4-FFF2-40B4-BE49-F238E27FC236}">
                  <a16:creationId xmlns:a16="http://schemas.microsoft.com/office/drawing/2014/main" id="{6587352D-FBF4-47B6-B5C3-541A3F884123}"/>
                </a:ext>
              </a:extLst>
            </p:cNvPr>
            <p:cNvSpPr/>
            <p:nvPr/>
          </p:nvSpPr>
          <p:spPr>
            <a:xfrm>
              <a:off x="761578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1" name="Freeform: Shape 670">
              <a:extLst>
                <a:ext uri="{FF2B5EF4-FFF2-40B4-BE49-F238E27FC236}">
                  <a16:creationId xmlns:a16="http://schemas.microsoft.com/office/drawing/2014/main" id="{46BB5D62-C8A5-4D69-8BAE-AF8BD25FAE0A}"/>
                </a:ext>
              </a:extLst>
            </p:cNvPr>
            <p:cNvSpPr/>
            <p:nvPr/>
          </p:nvSpPr>
          <p:spPr>
            <a:xfrm>
              <a:off x="50482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2" name="Freeform: Shape 671">
              <a:extLst>
                <a:ext uri="{FF2B5EF4-FFF2-40B4-BE49-F238E27FC236}">
                  <a16:creationId xmlns:a16="http://schemas.microsoft.com/office/drawing/2014/main" id="{FC9749F5-738D-46E6-83F2-2931A503E6DE}"/>
                </a:ext>
              </a:extLst>
            </p:cNvPr>
            <p:cNvSpPr/>
            <p:nvPr/>
          </p:nvSpPr>
          <p:spPr>
            <a:xfrm>
              <a:off x="50482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3" name="Freeform: Shape 672">
              <a:extLst>
                <a:ext uri="{FF2B5EF4-FFF2-40B4-BE49-F238E27FC236}">
                  <a16:creationId xmlns:a16="http://schemas.microsoft.com/office/drawing/2014/main" id="{74CBB2AF-84B3-4003-A722-567D361D1E3D}"/>
                </a:ext>
              </a:extLst>
            </p:cNvPr>
            <p:cNvSpPr/>
            <p:nvPr/>
          </p:nvSpPr>
          <p:spPr>
            <a:xfrm>
              <a:off x="504825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4" name="Freeform: Shape 673">
              <a:extLst>
                <a:ext uri="{FF2B5EF4-FFF2-40B4-BE49-F238E27FC236}">
                  <a16:creationId xmlns:a16="http://schemas.microsoft.com/office/drawing/2014/main" id="{51E65849-3AEC-402F-AE7E-177B6B34325A}"/>
                </a:ext>
              </a:extLst>
            </p:cNvPr>
            <p:cNvSpPr/>
            <p:nvPr/>
          </p:nvSpPr>
          <p:spPr>
            <a:xfrm>
              <a:off x="761578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5" name="Freeform: Shape 674">
              <a:extLst>
                <a:ext uri="{FF2B5EF4-FFF2-40B4-BE49-F238E27FC236}">
                  <a16:creationId xmlns:a16="http://schemas.microsoft.com/office/drawing/2014/main" id="{C75632EE-14C7-4C1A-8632-96090159F28C}"/>
                </a:ext>
              </a:extLst>
            </p:cNvPr>
            <p:cNvSpPr/>
            <p:nvPr/>
          </p:nvSpPr>
          <p:spPr>
            <a:xfrm>
              <a:off x="761578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6" name="Freeform: Shape 675">
              <a:extLst>
                <a:ext uri="{FF2B5EF4-FFF2-40B4-BE49-F238E27FC236}">
                  <a16:creationId xmlns:a16="http://schemas.microsoft.com/office/drawing/2014/main" id="{F4A90CF0-66B4-43AB-AC71-AA0D566E8918}"/>
                </a:ext>
              </a:extLst>
            </p:cNvPr>
            <p:cNvSpPr/>
            <p:nvPr/>
          </p:nvSpPr>
          <p:spPr>
            <a:xfrm>
              <a:off x="761578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7" name="Freeform: Shape 676">
              <a:extLst>
                <a:ext uri="{FF2B5EF4-FFF2-40B4-BE49-F238E27FC236}">
                  <a16:creationId xmlns:a16="http://schemas.microsoft.com/office/drawing/2014/main" id="{C1E7A849-D9BA-4A74-A5C2-9F07A17D68A9}"/>
                </a:ext>
              </a:extLst>
            </p:cNvPr>
            <p:cNvSpPr/>
            <p:nvPr/>
          </p:nvSpPr>
          <p:spPr>
            <a:xfrm>
              <a:off x="53335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8" name="Freeform: Shape 677">
              <a:extLst>
                <a:ext uri="{FF2B5EF4-FFF2-40B4-BE49-F238E27FC236}">
                  <a16:creationId xmlns:a16="http://schemas.microsoft.com/office/drawing/2014/main" id="{CADD2EA7-F904-4F09-8F28-48DE098F3129}"/>
                </a:ext>
              </a:extLst>
            </p:cNvPr>
            <p:cNvSpPr/>
            <p:nvPr/>
          </p:nvSpPr>
          <p:spPr>
            <a:xfrm>
              <a:off x="790106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9" name="Freeform: Shape 678">
              <a:extLst>
                <a:ext uri="{FF2B5EF4-FFF2-40B4-BE49-F238E27FC236}">
                  <a16:creationId xmlns:a16="http://schemas.microsoft.com/office/drawing/2014/main" id="{2A533467-DE69-4C76-A1BC-E3635299B712}"/>
                </a:ext>
              </a:extLst>
            </p:cNvPr>
            <p:cNvSpPr/>
            <p:nvPr/>
          </p:nvSpPr>
          <p:spPr>
            <a:xfrm>
              <a:off x="533352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0" name="Freeform: Shape 679">
              <a:extLst>
                <a:ext uri="{FF2B5EF4-FFF2-40B4-BE49-F238E27FC236}">
                  <a16:creationId xmlns:a16="http://schemas.microsoft.com/office/drawing/2014/main" id="{A580345E-E074-4EB4-9D11-926117D83506}"/>
                </a:ext>
              </a:extLst>
            </p:cNvPr>
            <p:cNvSpPr/>
            <p:nvPr/>
          </p:nvSpPr>
          <p:spPr>
            <a:xfrm>
              <a:off x="53335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1" name="Freeform: Shape 680">
              <a:extLst>
                <a:ext uri="{FF2B5EF4-FFF2-40B4-BE49-F238E27FC236}">
                  <a16:creationId xmlns:a16="http://schemas.microsoft.com/office/drawing/2014/main" id="{C53BCC5A-B21A-4E36-A7DC-C1C5B9F15026}"/>
                </a:ext>
              </a:extLst>
            </p:cNvPr>
            <p:cNvSpPr/>
            <p:nvPr/>
          </p:nvSpPr>
          <p:spPr>
            <a:xfrm>
              <a:off x="533352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2" name="Freeform: Shape 681">
              <a:extLst>
                <a:ext uri="{FF2B5EF4-FFF2-40B4-BE49-F238E27FC236}">
                  <a16:creationId xmlns:a16="http://schemas.microsoft.com/office/drawing/2014/main" id="{AE903234-3D0A-4DF1-BCF0-BF078E8860BF}"/>
                </a:ext>
              </a:extLst>
            </p:cNvPr>
            <p:cNvSpPr/>
            <p:nvPr/>
          </p:nvSpPr>
          <p:spPr>
            <a:xfrm>
              <a:off x="790106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3" name="Freeform: Shape 682">
              <a:extLst>
                <a:ext uri="{FF2B5EF4-FFF2-40B4-BE49-F238E27FC236}">
                  <a16:creationId xmlns:a16="http://schemas.microsoft.com/office/drawing/2014/main" id="{1DBBE67A-4AE5-4D31-9ED3-F0DFBE773BAF}"/>
                </a:ext>
              </a:extLst>
            </p:cNvPr>
            <p:cNvSpPr/>
            <p:nvPr/>
          </p:nvSpPr>
          <p:spPr>
            <a:xfrm>
              <a:off x="790106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4" name="Freeform: Shape 683">
              <a:extLst>
                <a:ext uri="{FF2B5EF4-FFF2-40B4-BE49-F238E27FC236}">
                  <a16:creationId xmlns:a16="http://schemas.microsoft.com/office/drawing/2014/main" id="{B2AD4B2B-0DEF-4E8E-9D03-6980E67D9013}"/>
                </a:ext>
              </a:extLst>
            </p:cNvPr>
            <p:cNvSpPr/>
            <p:nvPr/>
          </p:nvSpPr>
          <p:spPr>
            <a:xfrm>
              <a:off x="790106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5" name="Freeform: Shape 684">
              <a:extLst>
                <a:ext uri="{FF2B5EF4-FFF2-40B4-BE49-F238E27FC236}">
                  <a16:creationId xmlns:a16="http://schemas.microsoft.com/office/drawing/2014/main" id="{FE57C8BC-2F27-4F10-99AF-8541147FB6B4}"/>
                </a:ext>
              </a:extLst>
            </p:cNvPr>
            <p:cNvSpPr/>
            <p:nvPr/>
          </p:nvSpPr>
          <p:spPr>
            <a:xfrm>
              <a:off x="54761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6" name="Freeform: Shape 685">
              <a:extLst>
                <a:ext uri="{FF2B5EF4-FFF2-40B4-BE49-F238E27FC236}">
                  <a16:creationId xmlns:a16="http://schemas.microsoft.com/office/drawing/2014/main" id="{5D43F4D9-81F3-47A8-84A1-77C7A03E6334}"/>
                </a:ext>
              </a:extLst>
            </p:cNvPr>
            <p:cNvSpPr/>
            <p:nvPr/>
          </p:nvSpPr>
          <p:spPr>
            <a:xfrm>
              <a:off x="804373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7" name="Freeform: Shape 686">
              <a:extLst>
                <a:ext uri="{FF2B5EF4-FFF2-40B4-BE49-F238E27FC236}">
                  <a16:creationId xmlns:a16="http://schemas.microsoft.com/office/drawing/2014/main" id="{A4F7B9A9-0A53-4676-AC53-E6D4067843E6}"/>
                </a:ext>
              </a:extLst>
            </p:cNvPr>
            <p:cNvSpPr/>
            <p:nvPr/>
          </p:nvSpPr>
          <p:spPr>
            <a:xfrm>
              <a:off x="54761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8" name="Freeform: Shape 687">
              <a:extLst>
                <a:ext uri="{FF2B5EF4-FFF2-40B4-BE49-F238E27FC236}">
                  <a16:creationId xmlns:a16="http://schemas.microsoft.com/office/drawing/2014/main" id="{B8B43929-4B9F-476C-BF2B-71DC2D35F47F}"/>
                </a:ext>
              </a:extLst>
            </p:cNvPr>
            <p:cNvSpPr/>
            <p:nvPr/>
          </p:nvSpPr>
          <p:spPr>
            <a:xfrm>
              <a:off x="54761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9" name="Freeform: Shape 688">
              <a:extLst>
                <a:ext uri="{FF2B5EF4-FFF2-40B4-BE49-F238E27FC236}">
                  <a16:creationId xmlns:a16="http://schemas.microsoft.com/office/drawing/2014/main" id="{6D1B900B-E747-470B-81C3-44F168D0A1EC}"/>
                </a:ext>
              </a:extLst>
            </p:cNvPr>
            <p:cNvSpPr/>
            <p:nvPr/>
          </p:nvSpPr>
          <p:spPr>
            <a:xfrm>
              <a:off x="54761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0" name="Freeform: Shape 689">
              <a:extLst>
                <a:ext uri="{FF2B5EF4-FFF2-40B4-BE49-F238E27FC236}">
                  <a16:creationId xmlns:a16="http://schemas.microsoft.com/office/drawing/2014/main" id="{DF13123C-E761-4ABE-9A5D-62DBCB36EDF8}"/>
                </a:ext>
              </a:extLst>
            </p:cNvPr>
            <p:cNvSpPr/>
            <p:nvPr/>
          </p:nvSpPr>
          <p:spPr>
            <a:xfrm>
              <a:off x="804373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1" name="Freeform: Shape 690">
              <a:extLst>
                <a:ext uri="{FF2B5EF4-FFF2-40B4-BE49-F238E27FC236}">
                  <a16:creationId xmlns:a16="http://schemas.microsoft.com/office/drawing/2014/main" id="{D421FCD1-F7FF-4AED-9617-DD8466B6E42A}"/>
                </a:ext>
              </a:extLst>
            </p:cNvPr>
            <p:cNvSpPr/>
            <p:nvPr/>
          </p:nvSpPr>
          <p:spPr>
            <a:xfrm>
              <a:off x="804373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2" name="Freeform: Shape 691">
              <a:extLst>
                <a:ext uri="{FF2B5EF4-FFF2-40B4-BE49-F238E27FC236}">
                  <a16:creationId xmlns:a16="http://schemas.microsoft.com/office/drawing/2014/main" id="{8FD0302A-AD9D-41F8-88BC-AAA97CC330AC}"/>
                </a:ext>
              </a:extLst>
            </p:cNvPr>
            <p:cNvSpPr/>
            <p:nvPr/>
          </p:nvSpPr>
          <p:spPr>
            <a:xfrm>
              <a:off x="804373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3" name="Freeform: Shape 692">
              <a:extLst>
                <a:ext uri="{FF2B5EF4-FFF2-40B4-BE49-F238E27FC236}">
                  <a16:creationId xmlns:a16="http://schemas.microsoft.com/office/drawing/2014/main" id="{A40C4C62-93B4-4137-9B1A-528E4B665470}"/>
                </a:ext>
              </a:extLst>
            </p:cNvPr>
            <p:cNvSpPr/>
            <p:nvPr/>
          </p:nvSpPr>
          <p:spPr>
            <a:xfrm>
              <a:off x="561879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4" name="Freeform: Shape 693">
              <a:extLst>
                <a:ext uri="{FF2B5EF4-FFF2-40B4-BE49-F238E27FC236}">
                  <a16:creationId xmlns:a16="http://schemas.microsoft.com/office/drawing/2014/main" id="{9C5A257E-EB2E-48DF-9893-6AC3D4CA8314}"/>
                </a:ext>
              </a:extLst>
            </p:cNvPr>
            <p:cNvSpPr/>
            <p:nvPr/>
          </p:nvSpPr>
          <p:spPr>
            <a:xfrm>
              <a:off x="818640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5" name="Freeform: Shape 694">
              <a:extLst>
                <a:ext uri="{FF2B5EF4-FFF2-40B4-BE49-F238E27FC236}">
                  <a16:creationId xmlns:a16="http://schemas.microsoft.com/office/drawing/2014/main" id="{798183EE-0DAF-4E35-AB2F-86BE53AA9CBC}"/>
                </a:ext>
              </a:extLst>
            </p:cNvPr>
            <p:cNvSpPr/>
            <p:nvPr/>
          </p:nvSpPr>
          <p:spPr>
            <a:xfrm>
              <a:off x="561879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6" name="Freeform: Shape 695">
              <a:extLst>
                <a:ext uri="{FF2B5EF4-FFF2-40B4-BE49-F238E27FC236}">
                  <a16:creationId xmlns:a16="http://schemas.microsoft.com/office/drawing/2014/main" id="{6526D83E-5332-4053-B5F1-4AA945266259}"/>
                </a:ext>
              </a:extLst>
            </p:cNvPr>
            <p:cNvSpPr/>
            <p:nvPr/>
          </p:nvSpPr>
          <p:spPr>
            <a:xfrm>
              <a:off x="561879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7" name="Freeform: Shape 696">
              <a:extLst>
                <a:ext uri="{FF2B5EF4-FFF2-40B4-BE49-F238E27FC236}">
                  <a16:creationId xmlns:a16="http://schemas.microsoft.com/office/drawing/2014/main" id="{88AE5474-765D-45F3-969E-63ECB427C43D}"/>
                </a:ext>
              </a:extLst>
            </p:cNvPr>
            <p:cNvSpPr/>
            <p:nvPr/>
          </p:nvSpPr>
          <p:spPr>
            <a:xfrm>
              <a:off x="561879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8" name="Freeform: Shape 697">
              <a:extLst>
                <a:ext uri="{FF2B5EF4-FFF2-40B4-BE49-F238E27FC236}">
                  <a16:creationId xmlns:a16="http://schemas.microsoft.com/office/drawing/2014/main" id="{699CAAD7-8A59-44AF-ADBE-9874E11B1F9D}"/>
                </a:ext>
              </a:extLst>
            </p:cNvPr>
            <p:cNvSpPr/>
            <p:nvPr/>
          </p:nvSpPr>
          <p:spPr>
            <a:xfrm>
              <a:off x="818640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9" name="Freeform: Shape 698">
              <a:extLst>
                <a:ext uri="{FF2B5EF4-FFF2-40B4-BE49-F238E27FC236}">
                  <a16:creationId xmlns:a16="http://schemas.microsoft.com/office/drawing/2014/main" id="{FAA64E09-DED1-4B89-9BB3-FA2FA820149D}"/>
                </a:ext>
              </a:extLst>
            </p:cNvPr>
            <p:cNvSpPr/>
            <p:nvPr/>
          </p:nvSpPr>
          <p:spPr>
            <a:xfrm>
              <a:off x="818640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0" name="Freeform: Shape 699">
              <a:extLst>
                <a:ext uri="{FF2B5EF4-FFF2-40B4-BE49-F238E27FC236}">
                  <a16:creationId xmlns:a16="http://schemas.microsoft.com/office/drawing/2014/main" id="{4E710145-52AB-4F21-B635-E5EBEB0DD759}"/>
                </a:ext>
              </a:extLst>
            </p:cNvPr>
            <p:cNvSpPr/>
            <p:nvPr/>
          </p:nvSpPr>
          <p:spPr>
            <a:xfrm>
              <a:off x="818640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1" name="Freeform: Shape 700">
              <a:extLst>
                <a:ext uri="{FF2B5EF4-FFF2-40B4-BE49-F238E27FC236}">
                  <a16:creationId xmlns:a16="http://schemas.microsoft.com/office/drawing/2014/main" id="{FAF2EB0D-253D-4A69-937D-E231DCD6E497}"/>
                </a:ext>
              </a:extLst>
            </p:cNvPr>
            <p:cNvSpPr/>
            <p:nvPr/>
          </p:nvSpPr>
          <p:spPr>
            <a:xfrm>
              <a:off x="576147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2" name="Freeform: Shape 701">
              <a:extLst>
                <a:ext uri="{FF2B5EF4-FFF2-40B4-BE49-F238E27FC236}">
                  <a16:creationId xmlns:a16="http://schemas.microsoft.com/office/drawing/2014/main" id="{A4DCBF22-ED0A-4253-B8AF-95B64D412A69}"/>
                </a:ext>
              </a:extLst>
            </p:cNvPr>
            <p:cNvSpPr/>
            <p:nvPr/>
          </p:nvSpPr>
          <p:spPr>
            <a:xfrm>
              <a:off x="832900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3" name="Freeform: Shape 702">
              <a:extLst>
                <a:ext uri="{FF2B5EF4-FFF2-40B4-BE49-F238E27FC236}">
                  <a16:creationId xmlns:a16="http://schemas.microsoft.com/office/drawing/2014/main" id="{760B4A82-BFCA-49FE-A3CC-882A1490178B}"/>
                </a:ext>
              </a:extLst>
            </p:cNvPr>
            <p:cNvSpPr/>
            <p:nvPr/>
          </p:nvSpPr>
          <p:spPr>
            <a:xfrm>
              <a:off x="576147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4" name="Freeform: Shape 703">
              <a:extLst>
                <a:ext uri="{FF2B5EF4-FFF2-40B4-BE49-F238E27FC236}">
                  <a16:creationId xmlns:a16="http://schemas.microsoft.com/office/drawing/2014/main" id="{5946D81F-EA5A-4457-8487-8FD25D453405}"/>
                </a:ext>
              </a:extLst>
            </p:cNvPr>
            <p:cNvSpPr/>
            <p:nvPr/>
          </p:nvSpPr>
          <p:spPr>
            <a:xfrm>
              <a:off x="576147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5" name="Freeform: Shape 704">
              <a:extLst>
                <a:ext uri="{FF2B5EF4-FFF2-40B4-BE49-F238E27FC236}">
                  <a16:creationId xmlns:a16="http://schemas.microsoft.com/office/drawing/2014/main" id="{0E0BDD3C-7B49-495B-83D2-E56C3BFB6DA5}"/>
                </a:ext>
              </a:extLst>
            </p:cNvPr>
            <p:cNvSpPr/>
            <p:nvPr/>
          </p:nvSpPr>
          <p:spPr>
            <a:xfrm>
              <a:off x="576147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6" name="Freeform: Shape 705">
              <a:extLst>
                <a:ext uri="{FF2B5EF4-FFF2-40B4-BE49-F238E27FC236}">
                  <a16:creationId xmlns:a16="http://schemas.microsoft.com/office/drawing/2014/main" id="{1608B2A7-65D0-4DC5-ADD2-2BCFD61320ED}"/>
                </a:ext>
              </a:extLst>
            </p:cNvPr>
            <p:cNvSpPr/>
            <p:nvPr/>
          </p:nvSpPr>
          <p:spPr>
            <a:xfrm>
              <a:off x="832900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7" name="Freeform: Shape 706">
              <a:extLst>
                <a:ext uri="{FF2B5EF4-FFF2-40B4-BE49-F238E27FC236}">
                  <a16:creationId xmlns:a16="http://schemas.microsoft.com/office/drawing/2014/main" id="{7E6468A5-0DFC-4ABB-B565-F051C143F979}"/>
                </a:ext>
              </a:extLst>
            </p:cNvPr>
            <p:cNvSpPr/>
            <p:nvPr/>
          </p:nvSpPr>
          <p:spPr>
            <a:xfrm>
              <a:off x="832900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8" name="Freeform: Shape 707">
              <a:extLst>
                <a:ext uri="{FF2B5EF4-FFF2-40B4-BE49-F238E27FC236}">
                  <a16:creationId xmlns:a16="http://schemas.microsoft.com/office/drawing/2014/main" id="{51D624B8-BE8F-4E7B-B00D-D94D8D606E26}"/>
                </a:ext>
              </a:extLst>
            </p:cNvPr>
            <p:cNvSpPr/>
            <p:nvPr/>
          </p:nvSpPr>
          <p:spPr>
            <a:xfrm>
              <a:off x="832900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9" name="Freeform: Shape 708">
              <a:extLst>
                <a:ext uri="{FF2B5EF4-FFF2-40B4-BE49-F238E27FC236}">
                  <a16:creationId xmlns:a16="http://schemas.microsoft.com/office/drawing/2014/main" id="{08E77EA8-FD9C-4C2E-9F18-27DA1B24E5A5}"/>
                </a:ext>
              </a:extLst>
            </p:cNvPr>
            <p:cNvSpPr/>
            <p:nvPr/>
          </p:nvSpPr>
          <p:spPr>
            <a:xfrm>
              <a:off x="5904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0" name="Freeform: Shape 709">
              <a:extLst>
                <a:ext uri="{FF2B5EF4-FFF2-40B4-BE49-F238E27FC236}">
                  <a16:creationId xmlns:a16="http://schemas.microsoft.com/office/drawing/2014/main" id="{942E3EDE-22AA-4A0C-893D-F2B9A27DC5FD}"/>
                </a:ext>
              </a:extLst>
            </p:cNvPr>
            <p:cNvSpPr/>
            <p:nvPr/>
          </p:nvSpPr>
          <p:spPr>
            <a:xfrm>
              <a:off x="847168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1" name="Freeform: Shape 710">
              <a:extLst>
                <a:ext uri="{FF2B5EF4-FFF2-40B4-BE49-F238E27FC236}">
                  <a16:creationId xmlns:a16="http://schemas.microsoft.com/office/drawing/2014/main" id="{7B285FE8-BCF8-4E46-87D8-77564B329D67}"/>
                </a:ext>
              </a:extLst>
            </p:cNvPr>
            <p:cNvSpPr/>
            <p:nvPr/>
          </p:nvSpPr>
          <p:spPr>
            <a:xfrm>
              <a:off x="5904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2" name="Freeform: Shape 711">
              <a:extLst>
                <a:ext uri="{FF2B5EF4-FFF2-40B4-BE49-F238E27FC236}">
                  <a16:creationId xmlns:a16="http://schemas.microsoft.com/office/drawing/2014/main" id="{AF04BA79-8050-4E26-8625-31B4979D77BF}"/>
                </a:ext>
              </a:extLst>
            </p:cNvPr>
            <p:cNvSpPr/>
            <p:nvPr/>
          </p:nvSpPr>
          <p:spPr>
            <a:xfrm>
              <a:off x="5904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3" name="Freeform: Shape 712">
              <a:extLst>
                <a:ext uri="{FF2B5EF4-FFF2-40B4-BE49-F238E27FC236}">
                  <a16:creationId xmlns:a16="http://schemas.microsoft.com/office/drawing/2014/main" id="{8CD4FF7D-8309-403A-983E-24BEDA62B48D}"/>
                </a:ext>
              </a:extLst>
            </p:cNvPr>
            <p:cNvSpPr/>
            <p:nvPr/>
          </p:nvSpPr>
          <p:spPr>
            <a:xfrm>
              <a:off x="5904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4" name="Freeform: Shape 713">
              <a:extLst>
                <a:ext uri="{FF2B5EF4-FFF2-40B4-BE49-F238E27FC236}">
                  <a16:creationId xmlns:a16="http://schemas.microsoft.com/office/drawing/2014/main" id="{654AA8FA-601C-4626-9CCF-A92FAD9D27F8}"/>
                </a:ext>
              </a:extLst>
            </p:cNvPr>
            <p:cNvSpPr/>
            <p:nvPr/>
          </p:nvSpPr>
          <p:spPr>
            <a:xfrm>
              <a:off x="847168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5" name="Freeform: Shape 714">
              <a:extLst>
                <a:ext uri="{FF2B5EF4-FFF2-40B4-BE49-F238E27FC236}">
                  <a16:creationId xmlns:a16="http://schemas.microsoft.com/office/drawing/2014/main" id="{5BA63ECD-F64E-4C30-922E-0B6EFAB44058}"/>
                </a:ext>
              </a:extLst>
            </p:cNvPr>
            <p:cNvSpPr/>
            <p:nvPr/>
          </p:nvSpPr>
          <p:spPr>
            <a:xfrm>
              <a:off x="847168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6" name="Freeform: Shape 715">
              <a:extLst>
                <a:ext uri="{FF2B5EF4-FFF2-40B4-BE49-F238E27FC236}">
                  <a16:creationId xmlns:a16="http://schemas.microsoft.com/office/drawing/2014/main" id="{876C2CA0-A07B-4E4A-8137-537AB38E4CC8}"/>
                </a:ext>
              </a:extLst>
            </p:cNvPr>
            <p:cNvSpPr/>
            <p:nvPr/>
          </p:nvSpPr>
          <p:spPr>
            <a:xfrm>
              <a:off x="604674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7" name="Freeform: Shape 716">
              <a:extLst>
                <a:ext uri="{FF2B5EF4-FFF2-40B4-BE49-F238E27FC236}">
                  <a16:creationId xmlns:a16="http://schemas.microsoft.com/office/drawing/2014/main" id="{582AC73C-DB3C-4292-B53D-EC215E83805F}"/>
                </a:ext>
              </a:extLst>
            </p:cNvPr>
            <p:cNvSpPr/>
            <p:nvPr/>
          </p:nvSpPr>
          <p:spPr>
            <a:xfrm>
              <a:off x="861428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8" name="Freeform: Shape 717">
              <a:extLst>
                <a:ext uri="{FF2B5EF4-FFF2-40B4-BE49-F238E27FC236}">
                  <a16:creationId xmlns:a16="http://schemas.microsoft.com/office/drawing/2014/main" id="{EAEC7E28-AF00-4FC3-AF82-3542C5FD443E}"/>
                </a:ext>
              </a:extLst>
            </p:cNvPr>
            <p:cNvSpPr/>
            <p:nvPr/>
          </p:nvSpPr>
          <p:spPr>
            <a:xfrm>
              <a:off x="604674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9" name="Freeform: Shape 718">
              <a:extLst>
                <a:ext uri="{FF2B5EF4-FFF2-40B4-BE49-F238E27FC236}">
                  <a16:creationId xmlns:a16="http://schemas.microsoft.com/office/drawing/2014/main" id="{1F8BE279-2F84-46E3-AEBF-A2AA79A500C9}"/>
                </a:ext>
              </a:extLst>
            </p:cNvPr>
            <p:cNvSpPr/>
            <p:nvPr/>
          </p:nvSpPr>
          <p:spPr>
            <a:xfrm>
              <a:off x="604674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0" name="Freeform: Shape 719">
              <a:extLst>
                <a:ext uri="{FF2B5EF4-FFF2-40B4-BE49-F238E27FC236}">
                  <a16:creationId xmlns:a16="http://schemas.microsoft.com/office/drawing/2014/main" id="{ED6E6790-13F8-4F9C-AC07-1F0A962D7229}"/>
                </a:ext>
              </a:extLst>
            </p:cNvPr>
            <p:cNvSpPr/>
            <p:nvPr/>
          </p:nvSpPr>
          <p:spPr>
            <a:xfrm>
              <a:off x="604674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1" name="Freeform: Shape 720">
              <a:extLst>
                <a:ext uri="{FF2B5EF4-FFF2-40B4-BE49-F238E27FC236}">
                  <a16:creationId xmlns:a16="http://schemas.microsoft.com/office/drawing/2014/main" id="{44DF12F7-DFBE-481A-B242-0FAD5AEBC4EC}"/>
                </a:ext>
              </a:extLst>
            </p:cNvPr>
            <p:cNvSpPr/>
            <p:nvPr/>
          </p:nvSpPr>
          <p:spPr>
            <a:xfrm>
              <a:off x="861428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2" name="Freeform: Shape 721">
              <a:extLst>
                <a:ext uri="{FF2B5EF4-FFF2-40B4-BE49-F238E27FC236}">
                  <a16:creationId xmlns:a16="http://schemas.microsoft.com/office/drawing/2014/main" id="{3F333445-0517-4A8A-8A73-CC8ED17A925F}"/>
                </a:ext>
              </a:extLst>
            </p:cNvPr>
            <p:cNvSpPr/>
            <p:nvPr/>
          </p:nvSpPr>
          <p:spPr>
            <a:xfrm>
              <a:off x="861428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3" name="Freeform: Shape 722">
              <a:extLst>
                <a:ext uri="{FF2B5EF4-FFF2-40B4-BE49-F238E27FC236}">
                  <a16:creationId xmlns:a16="http://schemas.microsoft.com/office/drawing/2014/main" id="{7BCEB8A7-A712-4C7A-B36C-FEE4175DDCE3}"/>
                </a:ext>
              </a:extLst>
            </p:cNvPr>
            <p:cNvSpPr/>
            <p:nvPr/>
          </p:nvSpPr>
          <p:spPr>
            <a:xfrm>
              <a:off x="861428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4" name="Freeform: Shape 723">
              <a:extLst>
                <a:ext uri="{FF2B5EF4-FFF2-40B4-BE49-F238E27FC236}">
                  <a16:creationId xmlns:a16="http://schemas.microsoft.com/office/drawing/2014/main" id="{F37F8A20-9B3D-41D2-BB9E-B7802CD47B74}"/>
                </a:ext>
              </a:extLst>
            </p:cNvPr>
            <p:cNvSpPr/>
            <p:nvPr/>
          </p:nvSpPr>
          <p:spPr>
            <a:xfrm>
              <a:off x="618941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5" name="Freeform: Shape 724">
              <a:extLst>
                <a:ext uri="{FF2B5EF4-FFF2-40B4-BE49-F238E27FC236}">
                  <a16:creationId xmlns:a16="http://schemas.microsoft.com/office/drawing/2014/main" id="{EB29A806-E45A-43A1-B519-186985BAC241}"/>
                </a:ext>
              </a:extLst>
            </p:cNvPr>
            <p:cNvSpPr/>
            <p:nvPr/>
          </p:nvSpPr>
          <p:spPr>
            <a:xfrm>
              <a:off x="8756955"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26" name="Freeform: Shape 725">
              <a:extLst>
                <a:ext uri="{FF2B5EF4-FFF2-40B4-BE49-F238E27FC236}">
                  <a16:creationId xmlns:a16="http://schemas.microsoft.com/office/drawing/2014/main" id="{8E6EA8D1-A87F-49B2-AB4A-3F5945D73C0E}"/>
                </a:ext>
              </a:extLst>
            </p:cNvPr>
            <p:cNvSpPr/>
            <p:nvPr/>
          </p:nvSpPr>
          <p:spPr>
            <a:xfrm>
              <a:off x="618941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7" name="Freeform: Shape 726">
              <a:extLst>
                <a:ext uri="{FF2B5EF4-FFF2-40B4-BE49-F238E27FC236}">
                  <a16:creationId xmlns:a16="http://schemas.microsoft.com/office/drawing/2014/main" id="{28EEB3FF-6435-4F25-ACCD-92F9599B3BDF}"/>
                </a:ext>
              </a:extLst>
            </p:cNvPr>
            <p:cNvSpPr/>
            <p:nvPr/>
          </p:nvSpPr>
          <p:spPr>
            <a:xfrm>
              <a:off x="618941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8" name="Freeform: Shape 727">
              <a:extLst>
                <a:ext uri="{FF2B5EF4-FFF2-40B4-BE49-F238E27FC236}">
                  <a16:creationId xmlns:a16="http://schemas.microsoft.com/office/drawing/2014/main" id="{8F32D05F-D013-4157-A461-FE8F97C82347}"/>
                </a:ext>
              </a:extLst>
            </p:cNvPr>
            <p:cNvSpPr/>
            <p:nvPr/>
          </p:nvSpPr>
          <p:spPr>
            <a:xfrm>
              <a:off x="618941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9" name="Freeform: Shape 728">
              <a:extLst>
                <a:ext uri="{FF2B5EF4-FFF2-40B4-BE49-F238E27FC236}">
                  <a16:creationId xmlns:a16="http://schemas.microsoft.com/office/drawing/2014/main" id="{28146E73-06A7-4ECA-8552-BC0614A772DB}"/>
                </a:ext>
              </a:extLst>
            </p:cNvPr>
            <p:cNvSpPr/>
            <p:nvPr/>
          </p:nvSpPr>
          <p:spPr>
            <a:xfrm>
              <a:off x="8756955"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30" name="Freeform: Shape 729">
              <a:extLst>
                <a:ext uri="{FF2B5EF4-FFF2-40B4-BE49-F238E27FC236}">
                  <a16:creationId xmlns:a16="http://schemas.microsoft.com/office/drawing/2014/main" id="{BC596489-15C7-4C8B-91BF-73690A651489}"/>
                </a:ext>
              </a:extLst>
            </p:cNvPr>
            <p:cNvSpPr/>
            <p:nvPr/>
          </p:nvSpPr>
          <p:spPr>
            <a:xfrm>
              <a:off x="8756955"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31" name="Freeform: Shape 730">
              <a:extLst>
                <a:ext uri="{FF2B5EF4-FFF2-40B4-BE49-F238E27FC236}">
                  <a16:creationId xmlns:a16="http://schemas.microsoft.com/office/drawing/2014/main" id="{15E66663-B03C-46FB-84DF-7310895151D5}"/>
                </a:ext>
              </a:extLst>
            </p:cNvPr>
            <p:cNvSpPr/>
            <p:nvPr/>
          </p:nvSpPr>
          <p:spPr>
            <a:xfrm>
              <a:off x="8756955"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32" name="Freeform: Shape 731">
              <a:extLst>
                <a:ext uri="{FF2B5EF4-FFF2-40B4-BE49-F238E27FC236}">
                  <a16:creationId xmlns:a16="http://schemas.microsoft.com/office/drawing/2014/main" id="{416E210C-C737-4CAA-9BDF-80D79EE046AD}"/>
                </a:ext>
              </a:extLst>
            </p:cNvPr>
            <p:cNvSpPr/>
            <p:nvPr/>
          </p:nvSpPr>
          <p:spPr>
            <a:xfrm>
              <a:off x="633201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3" name="Freeform: Shape 732">
              <a:extLst>
                <a:ext uri="{FF2B5EF4-FFF2-40B4-BE49-F238E27FC236}">
                  <a16:creationId xmlns:a16="http://schemas.microsoft.com/office/drawing/2014/main" id="{5A926DA7-4D6C-4ACF-BE87-253984D1EFFB}"/>
                </a:ext>
              </a:extLst>
            </p:cNvPr>
            <p:cNvSpPr/>
            <p:nvPr/>
          </p:nvSpPr>
          <p:spPr>
            <a:xfrm>
              <a:off x="88996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4" name="Freeform: Shape 733">
              <a:extLst>
                <a:ext uri="{FF2B5EF4-FFF2-40B4-BE49-F238E27FC236}">
                  <a16:creationId xmlns:a16="http://schemas.microsoft.com/office/drawing/2014/main" id="{3EBB7D74-7CEF-447B-9ECE-6F507F4F6361}"/>
                </a:ext>
              </a:extLst>
            </p:cNvPr>
            <p:cNvSpPr/>
            <p:nvPr/>
          </p:nvSpPr>
          <p:spPr>
            <a:xfrm>
              <a:off x="633201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5" name="Freeform: Shape 734">
              <a:extLst>
                <a:ext uri="{FF2B5EF4-FFF2-40B4-BE49-F238E27FC236}">
                  <a16:creationId xmlns:a16="http://schemas.microsoft.com/office/drawing/2014/main" id="{BDCC8E1F-F47C-4D18-98EF-595F3FA9E41F}"/>
                </a:ext>
              </a:extLst>
            </p:cNvPr>
            <p:cNvSpPr/>
            <p:nvPr/>
          </p:nvSpPr>
          <p:spPr>
            <a:xfrm>
              <a:off x="633201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6" name="Freeform: Shape 735">
              <a:extLst>
                <a:ext uri="{FF2B5EF4-FFF2-40B4-BE49-F238E27FC236}">
                  <a16:creationId xmlns:a16="http://schemas.microsoft.com/office/drawing/2014/main" id="{C00F1D74-74C8-4846-BD3A-D5934D42037B}"/>
                </a:ext>
              </a:extLst>
            </p:cNvPr>
            <p:cNvSpPr/>
            <p:nvPr/>
          </p:nvSpPr>
          <p:spPr>
            <a:xfrm>
              <a:off x="633201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7" name="Freeform: Shape 736">
              <a:extLst>
                <a:ext uri="{FF2B5EF4-FFF2-40B4-BE49-F238E27FC236}">
                  <a16:creationId xmlns:a16="http://schemas.microsoft.com/office/drawing/2014/main" id="{233AFB4B-C22A-4592-B950-F5D01D3A3A1A}"/>
                </a:ext>
              </a:extLst>
            </p:cNvPr>
            <p:cNvSpPr/>
            <p:nvPr/>
          </p:nvSpPr>
          <p:spPr>
            <a:xfrm>
              <a:off x="88996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8" name="Freeform: Shape 737">
              <a:extLst>
                <a:ext uri="{FF2B5EF4-FFF2-40B4-BE49-F238E27FC236}">
                  <a16:creationId xmlns:a16="http://schemas.microsoft.com/office/drawing/2014/main" id="{CE5CF42B-D7C0-42DD-ACF0-6F1CDC80D54D}"/>
                </a:ext>
              </a:extLst>
            </p:cNvPr>
            <p:cNvSpPr/>
            <p:nvPr/>
          </p:nvSpPr>
          <p:spPr>
            <a:xfrm>
              <a:off x="88996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9" name="Freeform: Shape 738">
              <a:extLst>
                <a:ext uri="{FF2B5EF4-FFF2-40B4-BE49-F238E27FC236}">
                  <a16:creationId xmlns:a16="http://schemas.microsoft.com/office/drawing/2014/main" id="{7562BFE5-2E47-4C9E-9661-F5BAFBB81480}"/>
                </a:ext>
              </a:extLst>
            </p:cNvPr>
            <p:cNvSpPr/>
            <p:nvPr/>
          </p:nvSpPr>
          <p:spPr>
            <a:xfrm>
              <a:off x="88996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0" name="Freeform: Shape 739">
              <a:extLst>
                <a:ext uri="{FF2B5EF4-FFF2-40B4-BE49-F238E27FC236}">
                  <a16:creationId xmlns:a16="http://schemas.microsoft.com/office/drawing/2014/main" id="{6A50FCE7-D4C2-4980-A883-97BB21D4E38E}"/>
                </a:ext>
              </a:extLst>
            </p:cNvPr>
            <p:cNvSpPr/>
            <p:nvPr/>
          </p:nvSpPr>
          <p:spPr>
            <a:xfrm>
              <a:off x="647469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1" name="Freeform: Shape 740">
              <a:extLst>
                <a:ext uri="{FF2B5EF4-FFF2-40B4-BE49-F238E27FC236}">
                  <a16:creationId xmlns:a16="http://schemas.microsoft.com/office/drawing/2014/main" id="{FB065692-9B06-498F-A0F1-A13FE51573F2}"/>
                </a:ext>
              </a:extLst>
            </p:cNvPr>
            <p:cNvSpPr/>
            <p:nvPr/>
          </p:nvSpPr>
          <p:spPr>
            <a:xfrm>
              <a:off x="904222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2" name="Freeform: Shape 741">
              <a:extLst>
                <a:ext uri="{FF2B5EF4-FFF2-40B4-BE49-F238E27FC236}">
                  <a16:creationId xmlns:a16="http://schemas.microsoft.com/office/drawing/2014/main" id="{CC779C5D-493C-4F61-9745-B55C294C3AA0}"/>
                </a:ext>
              </a:extLst>
            </p:cNvPr>
            <p:cNvSpPr/>
            <p:nvPr/>
          </p:nvSpPr>
          <p:spPr>
            <a:xfrm>
              <a:off x="647469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3" name="Freeform: Shape 742">
              <a:extLst>
                <a:ext uri="{FF2B5EF4-FFF2-40B4-BE49-F238E27FC236}">
                  <a16:creationId xmlns:a16="http://schemas.microsoft.com/office/drawing/2014/main" id="{43F0F6AB-B870-418F-81E5-015DDB8E30FF}"/>
                </a:ext>
              </a:extLst>
            </p:cNvPr>
            <p:cNvSpPr/>
            <p:nvPr/>
          </p:nvSpPr>
          <p:spPr>
            <a:xfrm>
              <a:off x="647469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4" name="Freeform: Shape 743">
              <a:extLst>
                <a:ext uri="{FF2B5EF4-FFF2-40B4-BE49-F238E27FC236}">
                  <a16:creationId xmlns:a16="http://schemas.microsoft.com/office/drawing/2014/main" id="{2D6CFF1B-50B1-4AFF-910F-6A766B0B9447}"/>
                </a:ext>
              </a:extLst>
            </p:cNvPr>
            <p:cNvSpPr/>
            <p:nvPr/>
          </p:nvSpPr>
          <p:spPr>
            <a:xfrm>
              <a:off x="647469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5" name="Freeform: Shape 744">
              <a:extLst>
                <a:ext uri="{FF2B5EF4-FFF2-40B4-BE49-F238E27FC236}">
                  <a16:creationId xmlns:a16="http://schemas.microsoft.com/office/drawing/2014/main" id="{170374D7-98C8-48A8-BBB4-B6BA13E3B8E7}"/>
                </a:ext>
              </a:extLst>
            </p:cNvPr>
            <p:cNvSpPr/>
            <p:nvPr/>
          </p:nvSpPr>
          <p:spPr>
            <a:xfrm>
              <a:off x="904222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6" name="Freeform: Shape 745">
              <a:extLst>
                <a:ext uri="{FF2B5EF4-FFF2-40B4-BE49-F238E27FC236}">
                  <a16:creationId xmlns:a16="http://schemas.microsoft.com/office/drawing/2014/main" id="{E0C86869-C682-459D-AFEB-94E99BE81B3D}"/>
                </a:ext>
              </a:extLst>
            </p:cNvPr>
            <p:cNvSpPr/>
            <p:nvPr/>
          </p:nvSpPr>
          <p:spPr>
            <a:xfrm>
              <a:off x="904222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7" name="Freeform: Shape 746">
              <a:extLst>
                <a:ext uri="{FF2B5EF4-FFF2-40B4-BE49-F238E27FC236}">
                  <a16:creationId xmlns:a16="http://schemas.microsoft.com/office/drawing/2014/main" id="{3D0D995C-8818-4194-972D-720AE45AD9EF}"/>
                </a:ext>
              </a:extLst>
            </p:cNvPr>
            <p:cNvSpPr/>
            <p:nvPr/>
          </p:nvSpPr>
          <p:spPr>
            <a:xfrm>
              <a:off x="904222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8" name="Freeform: Shape 747">
              <a:extLst>
                <a:ext uri="{FF2B5EF4-FFF2-40B4-BE49-F238E27FC236}">
                  <a16:creationId xmlns:a16="http://schemas.microsoft.com/office/drawing/2014/main" id="{D88A5C16-BFF6-473A-B19F-403DA9B0967D}"/>
                </a:ext>
              </a:extLst>
            </p:cNvPr>
            <p:cNvSpPr/>
            <p:nvPr/>
          </p:nvSpPr>
          <p:spPr>
            <a:xfrm>
              <a:off x="661729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9" name="Freeform: Shape 748">
              <a:extLst>
                <a:ext uri="{FF2B5EF4-FFF2-40B4-BE49-F238E27FC236}">
                  <a16:creationId xmlns:a16="http://schemas.microsoft.com/office/drawing/2014/main" id="{491299CA-3E95-4B3E-BD3C-586F2FE529B6}"/>
                </a:ext>
              </a:extLst>
            </p:cNvPr>
            <p:cNvSpPr/>
            <p:nvPr/>
          </p:nvSpPr>
          <p:spPr>
            <a:xfrm>
              <a:off x="661729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0" name="Freeform: Shape 749">
              <a:extLst>
                <a:ext uri="{FF2B5EF4-FFF2-40B4-BE49-F238E27FC236}">
                  <a16:creationId xmlns:a16="http://schemas.microsoft.com/office/drawing/2014/main" id="{34BBEB72-A90C-421B-A829-D8AA6047CE4C}"/>
                </a:ext>
              </a:extLst>
            </p:cNvPr>
            <p:cNvSpPr/>
            <p:nvPr/>
          </p:nvSpPr>
          <p:spPr>
            <a:xfrm>
              <a:off x="661729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1" name="Freeform: Shape 750">
              <a:extLst>
                <a:ext uri="{FF2B5EF4-FFF2-40B4-BE49-F238E27FC236}">
                  <a16:creationId xmlns:a16="http://schemas.microsoft.com/office/drawing/2014/main" id="{BE2394FA-0B80-4215-8EAC-DB8DF83FEACA}"/>
                </a:ext>
              </a:extLst>
            </p:cNvPr>
            <p:cNvSpPr/>
            <p:nvPr/>
          </p:nvSpPr>
          <p:spPr>
            <a:xfrm>
              <a:off x="661729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2" name="Freeform: Shape 751">
              <a:extLst>
                <a:ext uri="{FF2B5EF4-FFF2-40B4-BE49-F238E27FC236}">
                  <a16:creationId xmlns:a16="http://schemas.microsoft.com/office/drawing/2014/main" id="{234D2EDB-7797-488E-A26D-0626A88FFE5A}"/>
                </a:ext>
              </a:extLst>
            </p:cNvPr>
            <p:cNvSpPr/>
            <p:nvPr/>
          </p:nvSpPr>
          <p:spPr>
            <a:xfrm>
              <a:off x="675996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3" name="Freeform: Shape 752">
              <a:extLst>
                <a:ext uri="{FF2B5EF4-FFF2-40B4-BE49-F238E27FC236}">
                  <a16:creationId xmlns:a16="http://schemas.microsoft.com/office/drawing/2014/main" id="{61A71AB4-1E30-4214-98A7-7648F7DA2D16}"/>
                </a:ext>
              </a:extLst>
            </p:cNvPr>
            <p:cNvSpPr/>
            <p:nvPr/>
          </p:nvSpPr>
          <p:spPr>
            <a:xfrm>
              <a:off x="675996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4" name="Freeform: Shape 753">
              <a:extLst>
                <a:ext uri="{FF2B5EF4-FFF2-40B4-BE49-F238E27FC236}">
                  <a16:creationId xmlns:a16="http://schemas.microsoft.com/office/drawing/2014/main" id="{BFC1FA53-16D2-4B7F-95BB-D2A1DFD3A056}"/>
                </a:ext>
              </a:extLst>
            </p:cNvPr>
            <p:cNvSpPr/>
            <p:nvPr/>
          </p:nvSpPr>
          <p:spPr>
            <a:xfrm>
              <a:off x="675996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5" name="Freeform: Shape 754">
              <a:extLst>
                <a:ext uri="{FF2B5EF4-FFF2-40B4-BE49-F238E27FC236}">
                  <a16:creationId xmlns:a16="http://schemas.microsoft.com/office/drawing/2014/main" id="{40C7DACF-F634-44E1-9137-C54D1445D89C}"/>
                </a:ext>
              </a:extLst>
            </p:cNvPr>
            <p:cNvSpPr/>
            <p:nvPr/>
          </p:nvSpPr>
          <p:spPr>
            <a:xfrm>
              <a:off x="675996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6" name="Freeform: Shape 755">
              <a:extLst>
                <a:ext uri="{FF2B5EF4-FFF2-40B4-BE49-F238E27FC236}">
                  <a16:creationId xmlns:a16="http://schemas.microsoft.com/office/drawing/2014/main" id="{AD71793E-1A0E-4EED-ABAA-425D9CA64596}"/>
                </a:ext>
              </a:extLst>
            </p:cNvPr>
            <p:cNvSpPr/>
            <p:nvPr/>
          </p:nvSpPr>
          <p:spPr>
            <a:xfrm>
              <a:off x="69026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7" name="Freeform: Shape 756">
              <a:extLst>
                <a:ext uri="{FF2B5EF4-FFF2-40B4-BE49-F238E27FC236}">
                  <a16:creationId xmlns:a16="http://schemas.microsoft.com/office/drawing/2014/main" id="{5420089D-ADDA-44A8-A77B-03BD14F0CECF}"/>
                </a:ext>
              </a:extLst>
            </p:cNvPr>
            <p:cNvSpPr/>
            <p:nvPr/>
          </p:nvSpPr>
          <p:spPr>
            <a:xfrm>
              <a:off x="69026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8" name="Freeform: Shape 757">
              <a:extLst>
                <a:ext uri="{FF2B5EF4-FFF2-40B4-BE49-F238E27FC236}">
                  <a16:creationId xmlns:a16="http://schemas.microsoft.com/office/drawing/2014/main" id="{75C28F3D-06C5-4C68-8BFA-24A0929736B2}"/>
                </a:ext>
              </a:extLst>
            </p:cNvPr>
            <p:cNvSpPr/>
            <p:nvPr/>
          </p:nvSpPr>
          <p:spPr>
            <a:xfrm>
              <a:off x="69026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9" name="Freeform: Shape 758">
              <a:extLst>
                <a:ext uri="{FF2B5EF4-FFF2-40B4-BE49-F238E27FC236}">
                  <a16:creationId xmlns:a16="http://schemas.microsoft.com/office/drawing/2014/main" id="{CAF48FDE-9561-4452-9E28-FD6242C7BEF2}"/>
                </a:ext>
              </a:extLst>
            </p:cNvPr>
            <p:cNvSpPr/>
            <p:nvPr/>
          </p:nvSpPr>
          <p:spPr>
            <a:xfrm>
              <a:off x="69026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0" name="Freeform: Shape 759">
              <a:extLst>
                <a:ext uri="{FF2B5EF4-FFF2-40B4-BE49-F238E27FC236}">
                  <a16:creationId xmlns:a16="http://schemas.microsoft.com/office/drawing/2014/main" id="{144EAA7A-F778-4049-8892-A0B456C5DDC7}"/>
                </a:ext>
              </a:extLst>
            </p:cNvPr>
            <p:cNvSpPr/>
            <p:nvPr/>
          </p:nvSpPr>
          <p:spPr>
            <a:xfrm>
              <a:off x="704523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1" name="Freeform: Shape 760">
              <a:extLst>
                <a:ext uri="{FF2B5EF4-FFF2-40B4-BE49-F238E27FC236}">
                  <a16:creationId xmlns:a16="http://schemas.microsoft.com/office/drawing/2014/main" id="{1C4F4FDE-4202-4A56-AD67-E9B733D38644}"/>
                </a:ext>
              </a:extLst>
            </p:cNvPr>
            <p:cNvSpPr/>
            <p:nvPr/>
          </p:nvSpPr>
          <p:spPr>
            <a:xfrm>
              <a:off x="704523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2" name="Freeform: Shape 761">
              <a:extLst>
                <a:ext uri="{FF2B5EF4-FFF2-40B4-BE49-F238E27FC236}">
                  <a16:creationId xmlns:a16="http://schemas.microsoft.com/office/drawing/2014/main" id="{264B8E20-B744-40F8-9BCB-A1D7830E3CAE}"/>
                </a:ext>
              </a:extLst>
            </p:cNvPr>
            <p:cNvSpPr/>
            <p:nvPr/>
          </p:nvSpPr>
          <p:spPr>
            <a:xfrm>
              <a:off x="704523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3" name="Freeform: Shape 762">
              <a:extLst>
                <a:ext uri="{FF2B5EF4-FFF2-40B4-BE49-F238E27FC236}">
                  <a16:creationId xmlns:a16="http://schemas.microsoft.com/office/drawing/2014/main" id="{DF12528A-D1B6-4418-971A-3CD95F408132}"/>
                </a:ext>
              </a:extLst>
            </p:cNvPr>
            <p:cNvSpPr/>
            <p:nvPr/>
          </p:nvSpPr>
          <p:spPr>
            <a:xfrm>
              <a:off x="704523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4" name="Freeform: Shape 763">
              <a:extLst>
                <a:ext uri="{FF2B5EF4-FFF2-40B4-BE49-F238E27FC236}">
                  <a16:creationId xmlns:a16="http://schemas.microsoft.com/office/drawing/2014/main" id="{2FC10C21-BB61-479C-AFA6-99E0E45E4A89}"/>
                </a:ext>
              </a:extLst>
            </p:cNvPr>
            <p:cNvSpPr/>
            <p:nvPr/>
          </p:nvSpPr>
          <p:spPr>
            <a:xfrm>
              <a:off x="718791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5" name="Freeform: Shape 764">
              <a:extLst>
                <a:ext uri="{FF2B5EF4-FFF2-40B4-BE49-F238E27FC236}">
                  <a16:creationId xmlns:a16="http://schemas.microsoft.com/office/drawing/2014/main" id="{6013E88D-5B96-40FD-84FD-8DAA8D924BA2}"/>
                </a:ext>
              </a:extLst>
            </p:cNvPr>
            <p:cNvSpPr/>
            <p:nvPr/>
          </p:nvSpPr>
          <p:spPr>
            <a:xfrm>
              <a:off x="718791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6" name="Freeform: Shape 765">
              <a:extLst>
                <a:ext uri="{FF2B5EF4-FFF2-40B4-BE49-F238E27FC236}">
                  <a16:creationId xmlns:a16="http://schemas.microsoft.com/office/drawing/2014/main" id="{286BC8AC-9EFE-4842-8D55-53072FEB784B}"/>
                </a:ext>
              </a:extLst>
            </p:cNvPr>
            <p:cNvSpPr/>
            <p:nvPr/>
          </p:nvSpPr>
          <p:spPr>
            <a:xfrm>
              <a:off x="718791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7" name="Freeform: Shape 766">
              <a:extLst>
                <a:ext uri="{FF2B5EF4-FFF2-40B4-BE49-F238E27FC236}">
                  <a16:creationId xmlns:a16="http://schemas.microsoft.com/office/drawing/2014/main" id="{93131264-BD18-4E51-BB89-28B65CE821EA}"/>
                </a:ext>
              </a:extLst>
            </p:cNvPr>
            <p:cNvSpPr/>
            <p:nvPr/>
          </p:nvSpPr>
          <p:spPr>
            <a:xfrm>
              <a:off x="718791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8" name="Freeform: Shape 767">
              <a:extLst>
                <a:ext uri="{FF2B5EF4-FFF2-40B4-BE49-F238E27FC236}">
                  <a16:creationId xmlns:a16="http://schemas.microsoft.com/office/drawing/2014/main" id="{7C77ACF6-1C5B-499A-9D5C-512062A08B33}"/>
                </a:ext>
              </a:extLst>
            </p:cNvPr>
            <p:cNvSpPr/>
            <p:nvPr/>
          </p:nvSpPr>
          <p:spPr>
            <a:xfrm>
              <a:off x="733051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9" name="Freeform: Shape 768">
              <a:extLst>
                <a:ext uri="{FF2B5EF4-FFF2-40B4-BE49-F238E27FC236}">
                  <a16:creationId xmlns:a16="http://schemas.microsoft.com/office/drawing/2014/main" id="{9700DF5D-47C3-4740-9EF5-D89993A7E665}"/>
                </a:ext>
              </a:extLst>
            </p:cNvPr>
            <p:cNvSpPr/>
            <p:nvPr/>
          </p:nvSpPr>
          <p:spPr>
            <a:xfrm>
              <a:off x="733051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0" name="Freeform: Shape 769">
              <a:extLst>
                <a:ext uri="{FF2B5EF4-FFF2-40B4-BE49-F238E27FC236}">
                  <a16:creationId xmlns:a16="http://schemas.microsoft.com/office/drawing/2014/main" id="{E1EFA55B-D4AD-4C47-8181-999229AB2300}"/>
                </a:ext>
              </a:extLst>
            </p:cNvPr>
            <p:cNvSpPr/>
            <p:nvPr/>
          </p:nvSpPr>
          <p:spPr>
            <a:xfrm>
              <a:off x="733051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1" name="Freeform: Shape 770">
              <a:extLst>
                <a:ext uri="{FF2B5EF4-FFF2-40B4-BE49-F238E27FC236}">
                  <a16:creationId xmlns:a16="http://schemas.microsoft.com/office/drawing/2014/main" id="{8299D5F7-5C82-4D1D-BD05-BAF6E96F3676}"/>
                </a:ext>
              </a:extLst>
            </p:cNvPr>
            <p:cNvSpPr/>
            <p:nvPr/>
          </p:nvSpPr>
          <p:spPr>
            <a:xfrm>
              <a:off x="733051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2" name="Freeform: Shape 771">
              <a:extLst>
                <a:ext uri="{FF2B5EF4-FFF2-40B4-BE49-F238E27FC236}">
                  <a16:creationId xmlns:a16="http://schemas.microsoft.com/office/drawing/2014/main" id="{B24C4787-7984-4B43-8259-E464004D3512}"/>
                </a:ext>
              </a:extLst>
            </p:cNvPr>
            <p:cNvSpPr/>
            <p:nvPr/>
          </p:nvSpPr>
          <p:spPr>
            <a:xfrm>
              <a:off x="747318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3" name="Freeform: Shape 772">
              <a:extLst>
                <a:ext uri="{FF2B5EF4-FFF2-40B4-BE49-F238E27FC236}">
                  <a16:creationId xmlns:a16="http://schemas.microsoft.com/office/drawing/2014/main" id="{0A1DE1FE-367E-4F45-83E9-D6484F2D771B}"/>
                </a:ext>
              </a:extLst>
            </p:cNvPr>
            <p:cNvSpPr/>
            <p:nvPr/>
          </p:nvSpPr>
          <p:spPr>
            <a:xfrm>
              <a:off x="747318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4" name="Freeform: Shape 773">
              <a:extLst>
                <a:ext uri="{FF2B5EF4-FFF2-40B4-BE49-F238E27FC236}">
                  <a16:creationId xmlns:a16="http://schemas.microsoft.com/office/drawing/2014/main" id="{85029611-7D07-464B-BA84-834B6D0A00F2}"/>
                </a:ext>
              </a:extLst>
            </p:cNvPr>
            <p:cNvSpPr/>
            <p:nvPr/>
          </p:nvSpPr>
          <p:spPr>
            <a:xfrm>
              <a:off x="747318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5" name="Freeform: Shape 774">
              <a:extLst>
                <a:ext uri="{FF2B5EF4-FFF2-40B4-BE49-F238E27FC236}">
                  <a16:creationId xmlns:a16="http://schemas.microsoft.com/office/drawing/2014/main" id="{038483BE-5CDE-42F4-8B6B-994F8F5C0620}"/>
                </a:ext>
              </a:extLst>
            </p:cNvPr>
            <p:cNvSpPr/>
            <p:nvPr/>
          </p:nvSpPr>
          <p:spPr>
            <a:xfrm>
              <a:off x="747318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6" name="Freeform: Shape 775">
              <a:extLst>
                <a:ext uri="{FF2B5EF4-FFF2-40B4-BE49-F238E27FC236}">
                  <a16:creationId xmlns:a16="http://schemas.microsoft.com/office/drawing/2014/main" id="{35BDCB75-8BA3-4C79-8078-3F5164979B25}"/>
                </a:ext>
              </a:extLst>
            </p:cNvPr>
            <p:cNvSpPr/>
            <p:nvPr/>
          </p:nvSpPr>
          <p:spPr>
            <a:xfrm>
              <a:off x="519092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7" name="Freeform: Shape 776">
              <a:extLst>
                <a:ext uri="{FF2B5EF4-FFF2-40B4-BE49-F238E27FC236}">
                  <a16:creationId xmlns:a16="http://schemas.microsoft.com/office/drawing/2014/main" id="{A9DFAEAC-50E6-43C4-A07A-F465393B9286}"/>
                </a:ext>
              </a:extLst>
            </p:cNvPr>
            <p:cNvSpPr/>
            <p:nvPr/>
          </p:nvSpPr>
          <p:spPr>
            <a:xfrm>
              <a:off x="775846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8" name="Freeform: Shape 777">
              <a:extLst>
                <a:ext uri="{FF2B5EF4-FFF2-40B4-BE49-F238E27FC236}">
                  <a16:creationId xmlns:a16="http://schemas.microsoft.com/office/drawing/2014/main" id="{10152B5C-F5AB-4ED1-AE59-A4CCF81395F3}"/>
                </a:ext>
              </a:extLst>
            </p:cNvPr>
            <p:cNvSpPr/>
            <p:nvPr/>
          </p:nvSpPr>
          <p:spPr>
            <a:xfrm>
              <a:off x="519092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9" name="Freeform: Shape 778">
              <a:extLst>
                <a:ext uri="{FF2B5EF4-FFF2-40B4-BE49-F238E27FC236}">
                  <a16:creationId xmlns:a16="http://schemas.microsoft.com/office/drawing/2014/main" id="{7A2B36FA-EDEF-479D-9157-EC21540EDA14}"/>
                </a:ext>
              </a:extLst>
            </p:cNvPr>
            <p:cNvSpPr/>
            <p:nvPr/>
          </p:nvSpPr>
          <p:spPr>
            <a:xfrm>
              <a:off x="519092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0" name="Freeform: Shape 779">
              <a:extLst>
                <a:ext uri="{FF2B5EF4-FFF2-40B4-BE49-F238E27FC236}">
                  <a16:creationId xmlns:a16="http://schemas.microsoft.com/office/drawing/2014/main" id="{03188861-F4C9-42A4-80F4-B74B088F4A65}"/>
                </a:ext>
              </a:extLst>
            </p:cNvPr>
            <p:cNvSpPr/>
            <p:nvPr/>
          </p:nvSpPr>
          <p:spPr>
            <a:xfrm>
              <a:off x="519092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1" name="Freeform: Shape 780">
              <a:extLst>
                <a:ext uri="{FF2B5EF4-FFF2-40B4-BE49-F238E27FC236}">
                  <a16:creationId xmlns:a16="http://schemas.microsoft.com/office/drawing/2014/main" id="{8781C1D6-CB91-48D0-B5B5-E818BE0168CB}"/>
                </a:ext>
              </a:extLst>
            </p:cNvPr>
            <p:cNvSpPr/>
            <p:nvPr/>
          </p:nvSpPr>
          <p:spPr>
            <a:xfrm>
              <a:off x="775846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2" name="Freeform: Shape 781">
              <a:extLst>
                <a:ext uri="{FF2B5EF4-FFF2-40B4-BE49-F238E27FC236}">
                  <a16:creationId xmlns:a16="http://schemas.microsoft.com/office/drawing/2014/main" id="{F7EE5A5D-0DBF-4D56-A550-66EEA22EA8D6}"/>
                </a:ext>
              </a:extLst>
            </p:cNvPr>
            <p:cNvSpPr/>
            <p:nvPr/>
          </p:nvSpPr>
          <p:spPr>
            <a:xfrm>
              <a:off x="775846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3" name="Freeform: Shape 782">
              <a:extLst>
                <a:ext uri="{FF2B5EF4-FFF2-40B4-BE49-F238E27FC236}">
                  <a16:creationId xmlns:a16="http://schemas.microsoft.com/office/drawing/2014/main" id="{55577C07-37D4-4289-81E5-2A98FCD310A4}"/>
                </a:ext>
              </a:extLst>
            </p:cNvPr>
            <p:cNvSpPr/>
            <p:nvPr/>
          </p:nvSpPr>
          <p:spPr>
            <a:xfrm>
              <a:off x="775846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4" name="Freeform: Shape 783">
              <a:extLst>
                <a:ext uri="{FF2B5EF4-FFF2-40B4-BE49-F238E27FC236}">
                  <a16:creationId xmlns:a16="http://schemas.microsoft.com/office/drawing/2014/main" id="{8D5D30B0-4A11-4E71-9962-4E6350D4AACF}"/>
                </a:ext>
              </a:extLst>
            </p:cNvPr>
            <p:cNvSpPr/>
            <p:nvPr/>
          </p:nvSpPr>
          <p:spPr>
            <a:xfrm>
              <a:off x="847168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5" name="Freeform: Shape 784">
              <a:extLst>
                <a:ext uri="{FF2B5EF4-FFF2-40B4-BE49-F238E27FC236}">
                  <a16:creationId xmlns:a16="http://schemas.microsoft.com/office/drawing/2014/main" id="{F47A231B-2517-4177-8C19-D6F77967F09B}"/>
                </a:ext>
              </a:extLst>
            </p:cNvPr>
            <p:cNvSpPr/>
            <p:nvPr/>
          </p:nvSpPr>
          <p:spPr>
            <a:xfrm>
              <a:off x="91268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6" name="Freeform: Shape 785">
              <a:extLst>
                <a:ext uri="{FF2B5EF4-FFF2-40B4-BE49-F238E27FC236}">
                  <a16:creationId xmlns:a16="http://schemas.microsoft.com/office/drawing/2014/main" id="{870424B5-CCDD-471A-9983-E80807376283}"/>
                </a:ext>
              </a:extLst>
            </p:cNvPr>
            <p:cNvSpPr/>
            <p:nvPr/>
          </p:nvSpPr>
          <p:spPr>
            <a:xfrm>
              <a:off x="348022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7" name="Freeform: Shape 786">
              <a:extLst>
                <a:ext uri="{FF2B5EF4-FFF2-40B4-BE49-F238E27FC236}">
                  <a16:creationId xmlns:a16="http://schemas.microsoft.com/office/drawing/2014/main" id="{655671E0-FD2C-4BFC-90FE-7FFA1EB596FD}"/>
                </a:ext>
              </a:extLst>
            </p:cNvPr>
            <p:cNvSpPr/>
            <p:nvPr/>
          </p:nvSpPr>
          <p:spPr>
            <a:xfrm>
              <a:off x="91268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8" name="Freeform: Shape 787">
              <a:extLst>
                <a:ext uri="{FF2B5EF4-FFF2-40B4-BE49-F238E27FC236}">
                  <a16:creationId xmlns:a16="http://schemas.microsoft.com/office/drawing/2014/main" id="{438ECF4E-5178-4791-9CEB-7139A90C8C4C}"/>
                </a:ext>
              </a:extLst>
            </p:cNvPr>
            <p:cNvSpPr/>
            <p:nvPr/>
          </p:nvSpPr>
          <p:spPr>
            <a:xfrm>
              <a:off x="91268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9" name="Freeform: Shape 788">
              <a:extLst>
                <a:ext uri="{FF2B5EF4-FFF2-40B4-BE49-F238E27FC236}">
                  <a16:creationId xmlns:a16="http://schemas.microsoft.com/office/drawing/2014/main" id="{85B094F1-6E9F-4E0D-B1AE-96469B150BE2}"/>
                </a:ext>
              </a:extLst>
            </p:cNvPr>
            <p:cNvSpPr/>
            <p:nvPr/>
          </p:nvSpPr>
          <p:spPr>
            <a:xfrm>
              <a:off x="91268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0" name="Freeform: Shape 789">
              <a:extLst>
                <a:ext uri="{FF2B5EF4-FFF2-40B4-BE49-F238E27FC236}">
                  <a16:creationId xmlns:a16="http://schemas.microsoft.com/office/drawing/2014/main" id="{8282C98B-9297-45F1-963C-C8D1E21C364F}"/>
                </a:ext>
              </a:extLst>
            </p:cNvPr>
            <p:cNvSpPr/>
            <p:nvPr/>
          </p:nvSpPr>
          <p:spPr>
            <a:xfrm>
              <a:off x="348022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1" name="Freeform: Shape 790">
              <a:extLst>
                <a:ext uri="{FF2B5EF4-FFF2-40B4-BE49-F238E27FC236}">
                  <a16:creationId xmlns:a16="http://schemas.microsoft.com/office/drawing/2014/main" id="{D6C98C91-6AC4-43AD-BD5E-E6024263CA7D}"/>
                </a:ext>
              </a:extLst>
            </p:cNvPr>
            <p:cNvSpPr/>
            <p:nvPr/>
          </p:nvSpPr>
          <p:spPr>
            <a:xfrm>
              <a:off x="348022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2" name="Freeform: Shape 791">
              <a:extLst>
                <a:ext uri="{FF2B5EF4-FFF2-40B4-BE49-F238E27FC236}">
                  <a16:creationId xmlns:a16="http://schemas.microsoft.com/office/drawing/2014/main" id="{0DA4C7FD-7518-410E-9A36-0A929138B4AC}"/>
                </a:ext>
              </a:extLst>
            </p:cNvPr>
            <p:cNvSpPr/>
            <p:nvPr/>
          </p:nvSpPr>
          <p:spPr>
            <a:xfrm>
              <a:off x="348022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3" name="Freeform: Shape 792">
              <a:extLst>
                <a:ext uri="{FF2B5EF4-FFF2-40B4-BE49-F238E27FC236}">
                  <a16:creationId xmlns:a16="http://schemas.microsoft.com/office/drawing/2014/main" id="{35FF550F-3E3C-406F-B830-75E4D128EE91}"/>
                </a:ext>
              </a:extLst>
            </p:cNvPr>
            <p:cNvSpPr/>
            <p:nvPr/>
          </p:nvSpPr>
          <p:spPr>
            <a:xfrm>
              <a:off x="119795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4" name="Freeform: Shape 793">
              <a:extLst>
                <a:ext uri="{FF2B5EF4-FFF2-40B4-BE49-F238E27FC236}">
                  <a16:creationId xmlns:a16="http://schemas.microsoft.com/office/drawing/2014/main" id="{96B73F27-77A0-4A12-941E-FFFDDEC877EA}"/>
                </a:ext>
              </a:extLst>
            </p:cNvPr>
            <p:cNvSpPr/>
            <p:nvPr/>
          </p:nvSpPr>
          <p:spPr>
            <a:xfrm>
              <a:off x="37654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5" name="Freeform: Shape 794">
              <a:extLst>
                <a:ext uri="{FF2B5EF4-FFF2-40B4-BE49-F238E27FC236}">
                  <a16:creationId xmlns:a16="http://schemas.microsoft.com/office/drawing/2014/main" id="{9F497CEA-6395-426F-B91D-C4B2B90BCBD4}"/>
                </a:ext>
              </a:extLst>
            </p:cNvPr>
            <p:cNvSpPr/>
            <p:nvPr/>
          </p:nvSpPr>
          <p:spPr>
            <a:xfrm>
              <a:off x="119795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6" name="Freeform: Shape 795">
              <a:extLst>
                <a:ext uri="{FF2B5EF4-FFF2-40B4-BE49-F238E27FC236}">
                  <a16:creationId xmlns:a16="http://schemas.microsoft.com/office/drawing/2014/main" id="{CC7078A9-29CF-49D2-8DF8-CC393ED245A6}"/>
                </a:ext>
              </a:extLst>
            </p:cNvPr>
            <p:cNvSpPr/>
            <p:nvPr/>
          </p:nvSpPr>
          <p:spPr>
            <a:xfrm>
              <a:off x="119795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7" name="Freeform: Shape 796">
              <a:extLst>
                <a:ext uri="{FF2B5EF4-FFF2-40B4-BE49-F238E27FC236}">
                  <a16:creationId xmlns:a16="http://schemas.microsoft.com/office/drawing/2014/main" id="{2B472E4D-FA1A-4B0B-B00C-BEE4CDE6E90D}"/>
                </a:ext>
              </a:extLst>
            </p:cNvPr>
            <p:cNvSpPr/>
            <p:nvPr/>
          </p:nvSpPr>
          <p:spPr>
            <a:xfrm>
              <a:off x="119795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8" name="Freeform: Shape 797">
              <a:extLst>
                <a:ext uri="{FF2B5EF4-FFF2-40B4-BE49-F238E27FC236}">
                  <a16:creationId xmlns:a16="http://schemas.microsoft.com/office/drawing/2014/main" id="{C5F8D134-291E-41DF-81A0-E418279654CC}"/>
                </a:ext>
              </a:extLst>
            </p:cNvPr>
            <p:cNvSpPr/>
            <p:nvPr/>
          </p:nvSpPr>
          <p:spPr>
            <a:xfrm>
              <a:off x="37654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9" name="Freeform: Shape 798">
              <a:extLst>
                <a:ext uri="{FF2B5EF4-FFF2-40B4-BE49-F238E27FC236}">
                  <a16:creationId xmlns:a16="http://schemas.microsoft.com/office/drawing/2014/main" id="{BFB157B8-EF78-4C08-B103-0C15708F3243}"/>
                </a:ext>
              </a:extLst>
            </p:cNvPr>
            <p:cNvSpPr/>
            <p:nvPr/>
          </p:nvSpPr>
          <p:spPr>
            <a:xfrm>
              <a:off x="37654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0" name="Freeform: Shape 799">
              <a:extLst>
                <a:ext uri="{FF2B5EF4-FFF2-40B4-BE49-F238E27FC236}">
                  <a16:creationId xmlns:a16="http://schemas.microsoft.com/office/drawing/2014/main" id="{6ADCA2A7-58FD-4EA2-9353-7DD3324424BD}"/>
                </a:ext>
              </a:extLst>
            </p:cNvPr>
            <p:cNvSpPr/>
            <p:nvPr/>
          </p:nvSpPr>
          <p:spPr>
            <a:xfrm>
              <a:off x="37654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1" name="Freeform: Shape 800">
              <a:extLst>
                <a:ext uri="{FF2B5EF4-FFF2-40B4-BE49-F238E27FC236}">
                  <a16:creationId xmlns:a16="http://schemas.microsoft.com/office/drawing/2014/main" id="{B9C69053-368E-4C20-B01D-E0AE0E36A625}"/>
                </a:ext>
              </a:extLst>
            </p:cNvPr>
            <p:cNvSpPr/>
            <p:nvPr/>
          </p:nvSpPr>
          <p:spPr>
            <a:xfrm>
              <a:off x="134063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2" name="Freeform: Shape 801">
              <a:extLst>
                <a:ext uri="{FF2B5EF4-FFF2-40B4-BE49-F238E27FC236}">
                  <a16:creationId xmlns:a16="http://schemas.microsoft.com/office/drawing/2014/main" id="{7C2BD604-C625-4FEB-B714-F5546678A5A3}"/>
                </a:ext>
              </a:extLst>
            </p:cNvPr>
            <p:cNvSpPr/>
            <p:nvPr/>
          </p:nvSpPr>
          <p:spPr>
            <a:xfrm>
              <a:off x="390816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3" name="Freeform: Shape 802">
              <a:extLst>
                <a:ext uri="{FF2B5EF4-FFF2-40B4-BE49-F238E27FC236}">
                  <a16:creationId xmlns:a16="http://schemas.microsoft.com/office/drawing/2014/main" id="{581FCA81-E2B7-4C31-A1FE-15555DEF1C1F}"/>
                </a:ext>
              </a:extLst>
            </p:cNvPr>
            <p:cNvSpPr/>
            <p:nvPr/>
          </p:nvSpPr>
          <p:spPr>
            <a:xfrm>
              <a:off x="134063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4" name="Freeform: Shape 803">
              <a:extLst>
                <a:ext uri="{FF2B5EF4-FFF2-40B4-BE49-F238E27FC236}">
                  <a16:creationId xmlns:a16="http://schemas.microsoft.com/office/drawing/2014/main" id="{CD94D3FD-3154-400F-BA5E-F621BEE47516}"/>
                </a:ext>
              </a:extLst>
            </p:cNvPr>
            <p:cNvSpPr/>
            <p:nvPr/>
          </p:nvSpPr>
          <p:spPr>
            <a:xfrm>
              <a:off x="134063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5" name="Freeform: Shape 804">
              <a:extLst>
                <a:ext uri="{FF2B5EF4-FFF2-40B4-BE49-F238E27FC236}">
                  <a16:creationId xmlns:a16="http://schemas.microsoft.com/office/drawing/2014/main" id="{EE068BB9-B456-414F-AE60-4F6760C916CF}"/>
                </a:ext>
              </a:extLst>
            </p:cNvPr>
            <p:cNvSpPr/>
            <p:nvPr/>
          </p:nvSpPr>
          <p:spPr>
            <a:xfrm>
              <a:off x="134063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6" name="Freeform: Shape 805">
              <a:extLst>
                <a:ext uri="{FF2B5EF4-FFF2-40B4-BE49-F238E27FC236}">
                  <a16:creationId xmlns:a16="http://schemas.microsoft.com/office/drawing/2014/main" id="{EC99B537-6138-424A-8A14-6E64ABA5DBCF}"/>
                </a:ext>
              </a:extLst>
            </p:cNvPr>
            <p:cNvSpPr/>
            <p:nvPr/>
          </p:nvSpPr>
          <p:spPr>
            <a:xfrm>
              <a:off x="390816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7" name="Freeform: Shape 806">
              <a:extLst>
                <a:ext uri="{FF2B5EF4-FFF2-40B4-BE49-F238E27FC236}">
                  <a16:creationId xmlns:a16="http://schemas.microsoft.com/office/drawing/2014/main" id="{2944CC3B-C045-4210-8687-0B20C24DCADB}"/>
                </a:ext>
              </a:extLst>
            </p:cNvPr>
            <p:cNvSpPr/>
            <p:nvPr/>
          </p:nvSpPr>
          <p:spPr>
            <a:xfrm>
              <a:off x="390816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8" name="Freeform: Shape 807">
              <a:extLst>
                <a:ext uri="{FF2B5EF4-FFF2-40B4-BE49-F238E27FC236}">
                  <a16:creationId xmlns:a16="http://schemas.microsoft.com/office/drawing/2014/main" id="{48267B91-C580-477E-BA75-62B03945C356}"/>
                </a:ext>
              </a:extLst>
            </p:cNvPr>
            <p:cNvSpPr/>
            <p:nvPr/>
          </p:nvSpPr>
          <p:spPr>
            <a:xfrm>
              <a:off x="390816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9" name="Freeform: Shape 808">
              <a:extLst>
                <a:ext uri="{FF2B5EF4-FFF2-40B4-BE49-F238E27FC236}">
                  <a16:creationId xmlns:a16="http://schemas.microsoft.com/office/drawing/2014/main" id="{D3DA6994-A25C-4C02-8360-53E38CEAD802}"/>
                </a:ext>
              </a:extLst>
            </p:cNvPr>
            <p:cNvSpPr/>
            <p:nvPr/>
          </p:nvSpPr>
          <p:spPr>
            <a:xfrm>
              <a:off x="148323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0" name="Freeform: Shape 809">
              <a:extLst>
                <a:ext uri="{FF2B5EF4-FFF2-40B4-BE49-F238E27FC236}">
                  <a16:creationId xmlns:a16="http://schemas.microsoft.com/office/drawing/2014/main" id="{72842F15-80BC-4CF2-8460-2BB9A91438ED}"/>
                </a:ext>
              </a:extLst>
            </p:cNvPr>
            <p:cNvSpPr/>
            <p:nvPr/>
          </p:nvSpPr>
          <p:spPr>
            <a:xfrm>
              <a:off x="405084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1" name="Freeform: Shape 810">
              <a:extLst>
                <a:ext uri="{FF2B5EF4-FFF2-40B4-BE49-F238E27FC236}">
                  <a16:creationId xmlns:a16="http://schemas.microsoft.com/office/drawing/2014/main" id="{3D2E5DB7-41F1-444D-AF37-3C231AAEA815}"/>
                </a:ext>
              </a:extLst>
            </p:cNvPr>
            <p:cNvSpPr/>
            <p:nvPr/>
          </p:nvSpPr>
          <p:spPr>
            <a:xfrm>
              <a:off x="148323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2" name="Freeform: Shape 811">
              <a:extLst>
                <a:ext uri="{FF2B5EF4-FFF2-40B4-BE49-F238E27FC236}">
                  <a16:creationId xmlns:a16="http://schemas.microsoft.com/office/drawing/2014/main" id="{6477AFCB-97FB-4456-8599-50133BCE8F18}"/>
                </a:ext>
              </a:extLst>
            </p:cNvPr>
            <p:cNvSpPr/>
            <p:nvPr/>
          </p:nvSpPr>
          <p:spPr>
            <a:xfrm>
              <a:off x="148323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3" name="Freeform: Shape 812">
              <a:extLst>
                <a:ext uri="{FF2B5EF4-FFF2-40B4-BE49-F238E27FC236}">
                  <a16:creationId xmlns:a16="http://schemas.microsoft.com/office/drawing/2014/main" id="{9C6D4235-A4D3-4766-9EC2-0536BF0484E8}"/>
                </a:ext>
              </a:extLst>
            </p:cNvPr>
            <p:cNvSpPr/>
            <p:nvPr/>
          </p:nvSpPr>
          <p:spPr>
            <a:xfrm>
              <a:off x="148323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4" name="Freeform: Shape 813">
              <a:extLst>
                <a:ext uri="{FF2B5EF4-FFF2-40B4-BE49-F238E27FC236}">
                  <a16:creationId xmlns:a16="http://schemas.microsoft.com/office/drawing/2014/main" id="{467E0EEB-AFE9-44AD-ACE2-31B2740AF5AA}"/>
                </a:ext>
              </a:extLst>
            </p:cNvPr>
            <p:cNvSpPr/>
            <p:nvPr/>
          </p:nvSpPr>
          <p:spPr>
            <a:xfrm>
              <a:off x="405084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5" name="Freeform: Shape 814">
              <a:extLst>
                <a:ext uri="{FF2B5EF4-FFF2-40B4-BE49-F238E27FC236}">
                  <a16:creationId xmlns:a16="http://schemas.microsoft.com/office/drawing/2014/main" id="{D83B6074-882E-4441-9A2D-72FB7FE84978}"/>
                </a:ext>
              </a:extLst>
            </p:cNvPr>
            <p:cNvSpPr/>
            <p:nvPr/>
          </p:nvSpPr>
          <p:spPr>
            <a:xfrm>
              <a:off x="405084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6" name="Freeform: Shape 815">
              <a:extLst>
                <a:ext uri="{FF2B5EF4-FFF2-40B4-BE49-F238E27FC236}">
                  <a16:creationId xmlns:a16="http://schemas.microsoft.com/office/drawing/2014/main" id="{EA4094DD-0652-4FFA-A7B4-CC5243A75302}"/>
                </a:ext>
              </a:extLst>
            </p:cNvPr>
            <p:cNvSpPr/>
            <p:nvPr/>
          </p:nvSpPr>
          <p:spPr>
            <a:xfrm>
              <a:off x="405084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7" name="Freeform: Shape 816">
              <a:extLst>
                <a:ext uri="{FF2B5EF4-FFF2-40B4-BE49-F238E27FC236}">
                  <a16:creationId xmlns:a16="http://schemas.microsoft.com/office/drawing/2014/main" id="{A57084D3-55AA-416A-B029-75C79A9C4F61}"/>
                </a:ext>
              </a:extLst>
            </p:cNvPr>
            <p:cNvSpPr/>
            <p:nvPr/>
          </p:nvSpPr>
          <p:spPr>
            <a:xfrm>
              <a:off x="162590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8" name="Freeform: Shape 817">
              <a:extLst>
                <a:ext uri="{FF2B5EF4-FFF2-40B4-BE49-F238E27FC236}">
                  <a16:creationId xmlns:a16="http://schemas.microsoft.com/office/drawing/2014/main" id="{A777310D-66CC-4F86-9A1D-0E13091BD99D}"/>
                </a:ext>
              </a:extLst>
            </p:cNvPr>
            <p:cNvSpPr/>
            <p:nvPr/>
          </p:nvSpPr>
          <p:spPr>
            <a:xfrm>
              <a:off x="419344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9" name="Freeform: Shape 818">
              <a:extLst>
                <a:ext uri="{FF2B5EF4-FFF2-40B4-BE49-F238E27FC236}">
                  <a16:creationId xmlns:a16="http://schemas.microsoft.com/office/drawing/2014/main" id="{B8818183-34E3-4675-B6FD-A0DF341F1928}"/>
                </a:ext>
              </a:extLst>
            </p:cNvPr>
            <p:cNvSpPr/>
            <p:nvPr/>
          </p:nvSpPr>
          <p:spPr>
            <a:xfrm>
              <a:off x="162590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0" name="Freeform: Shape 819">
              <a:extLst>
                <a:ext uri="{FF2B5EF4-FFF2-40B4-BE49-F238E27FC236}">
                  <a16:creationId xmlns:a16="http://schemas.microsoft.com/office/drawing/2014/main" id="{2B7D3F2B-8DD3-4851-8A6D-D5C3A7806FC4}"/>
                </a:ext>
              </a:extLst>
            </p:cNvPr>
            <p:cNvSpPr/>
            <p:nvPr/>
          </p:nvSpPr>
          <p:spPr>
            <a:xfrm>
              <a:off x="162590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1" name="Freeform: Shape 820">
              <a:extLst>
                <a:ext uri="{FF2B5EF4-FFF2-40B4-BE49-F238E27FC236}">
                  <a16:creationId xmlns:a16="http://schemas.microsoft.com/office/drawing/2014/main" id="{99282C7A-52F6-4056-975C-4BC44270CB1C}"/>
                </a:ext>
              </a:extLst>
            </p:cNvPr>
            <p:cNvSpPr/>
            <p:nvPr/>
          </p:nvSpPr>
          <p:spPr>
            <a:xfrm>
              <a:off x="162590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2" name="Freeform: Shape 821">
              <a:extLst>
                <a:ext uri="{FF2B5EF4-FFF2-40B4-BE49-F238E27FC236}">
                  <a16:creationId xmlns:a16="http://schemas.microsoft.com/office/drawing/2014/main" id="{93731349-8F6E-4183-9491-EFCA7BCCEE4D}"/>
                </a:ext>
              </a:extLst>
            </p:cNvPr>
            <p:cNvSpPr/>
            <p:nvPr/>
          </p:nvSpPr>
          <p:spPr>
            <a:xfrm>
              <a:off x="419344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3" name="Freeform: Shape 822">
              <a:extLst>
                <a:ext uri="{FF2B5EF4-FFF2-40B4-BE49-F238E27FC236}">
                  <a16:creationId xmlns:a16="http://schemas.microsoft.com/office/drawing/2014/main" id="{ED3A3402-115D-490F-A965-94D91AB0445B}"/>
                </a:ext>
              </a:extLst>
            </p:cNvPr>
            <p:cNvSpPr/>
            <p:nvPr/>
          </p:nvSpPr>
          <p:spPr>
            <a:xfrm>
              <a:off x="419344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4" name="Freeform: Shape 823">
              <a:extLst>
                <a:ext uri="{FF2B5EF4-FFF2-40B4-BE49-F238E27FC236}">
                  <a16:creationId xmlns:a16="http://schemas.microsoft.com/office/drawing/2014/main" id="{1EC020F8-DB15-455D-BA36-5B13FDFDC8C2}"/>
                </a:ext>
              </a:extLst>
            </p:cNvPr>
            <p:cNvSpPr/>
            <p:nvPr/>
          </p:nvSpPr>
          <p:spPr>
            <a:xfrm>
              <a:off x="419344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5" name="Freeform: Shape 824">
              <a:extLst>
                <a:ext uri="{FF2B5EF4-FFF2-40B4-BE49-F238E27FC236}">
                  <a16:creationId xmlns:a16="http://schemas.microsoft.com/office/drawing/2014/main" id="{C634C474-1AB1-4062-9E1E-C9153A8AA83C}"/>
                </a:ext>
              </a:extLst>
            </p:cNvPr>
            <p:cNvSpPr/>
            <p:nvPr/>
          </p:nvSpPr>
          <p:spPr>
            <a:xfrm>
              <a:off x="176850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6" name="Freeform: Shape 825">
              <a:extLst>
                <a:ext uri="{FF2B5EF4-FFF2-40B4-BE49-F238E27FC236}">
                  <a16:creationId xmlns:a16="http://schemas.microsoft.com/office/drawing/2014/main" id="{68F27E07-1EEF-42D3-9565-AE255CD0F758}"/>
                </a:ext>
              </a:extLst>
            </p:cNvPr>
            <p:cNvSpPr/>
            <p:nvPr/>
          </p:nvSpPr>
          <p:spPr>
            <a:xfrm>
              <a:off x="433611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7" name="Freeform: Shape 826">
              <a:extLst>
                <a:ext uri="{FF2B5EF4-FFF2-40B4-BE49-F238E27FC236}">
                  <a16:creationId xmlns:a16="http://schemas.microsoft.com/office/drawing/2014/main" id="{D3F39D49-4A83-4018-A649-90B933A55C1E}"/>
                </a:ext>
              </a:extLst>
            </p:cNvPr>
            <p:cNvSpPr/>
            <p:nvPr/>
          </p:nvSpPr>
          <p:spPr>
            <a:xfrm>
              <a:off x="176850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8" name="Freeform: Shape 827">
              <a:extLst>
                <a:ext uri="{FF2B5EF4-FFF2-40B4-BE49-F238E27FC236}">
                  <a16:creationId xmlns:a16="http://schemas.microsoft.com/office/drawing/2014/main" id="{02B43AD9-F2A2-435B-8F16-EBA577A785D9}"/>
                </a:ext>
              </a:extLst>
            </p:cNvPr>
            <p:cNvSpPr/>
            <p:nvPr/>
          </p:nvSpPr>
          <p:spPr>
            <a:xfrm>
              <a:off x="176850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9" name="Freeform: Shape 828">
              <a:extLst>
                <a:ext uri="{FF2B5EF4-FFF2-40B4-BE49-F238E27FC236}">
                  <a16:creationId xmlns:a16="http://schemas.microsoft.com/office/drawing/2014/main" id="{387F62BA-DCF8-4473-BFA6-1295069D5224}"/>
                </a:ext>
              </a:extLst>
            </p:cNvPr>
            <p:cNvSpPr/>
            <p:nvPr/>
          </p:nvSpPr>
          <p:spPr>
            <a:xfrm>
              <a:off x="176850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0" name="Freeform: Shape 829">
              <a:extLst>
                <a:ext uri="{FF2B5EF4-FFF2-40B4-BE49-F238E27FC236}">
                  <a16:creationId xmlns:a16="http://schemas.microsoft.com/office/drawing/2014/main" id="{69AFB2E0-3AFA-478F-9FB2-040C81CC81FE}"/>
                </a:ext>
              </a:extLst>
            </p:cNvPr>
            <p:cNvSpPr/>
            <p:nvPr/>
          </p:nvSpPr>
          <p:spPr>
            <a:xfrm>
              <a:off x="433611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1" name="Freeform: Shape 830">
              <a:extLst>
                <a:ext uri="{FF2B5EF4-FFF2-40B4-BE49-F238E27FC236}">
                  <a16:creationId xmlns:a16="http://schemas.microsoft.com/office/drawing/2014/main" id="{8CA30420-CBBD-4865-B4B3-AF0C55BFCF6A}"/>
                </a:ext>
              </a:extLst>
            </p:cNvPr>
            <p:cNvSpPr/>
            <p:nvPr/>
          </p:nvSpPr>
          <p:spPr>
            <a:xfrm>
              <a:off x="433611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2" name="Freeform: Shape 831">
              <a:extLst>
                <a:ext uri="{FF2B5EF4-FFF2-40B4-BE49-F238E27FC236}">
                  <a16:creationId xmlns:a16="http://schemas.microsoft.com/office/drawing/2014/main" id="{D9992ACB-88F7-4E9F-8568-D6C769A0263F}"/>
                </a:ext>
              </a:extLst>
            </p:cNvPr>
            <p:cNvSpPr/>
            <p:nvPr/>
          </p:nvSpPr>
          <p:spPr>
            <a:xfrm>
              <a:off x="191117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3" name="Freeform: Shape 832">
              <a:extLst>
                <a:ext uri="{FF2B5EF4-FFF2-40B4-BE49-F238E27FC236}">
                  <a16:creationId xmlns:a16="http://schemas.microsoft.com/office/drawing/2014/main" id="{42586B4E-656E-45E8-8A78-17A766AF425D}"/>
                </a:ext>
              </a:extLst>
            </p:cNvPr>
            <p:cNvSpPr/>
            <p:nvPr/>
          </p:nvSpPr>
          <p:spPr>
            <a:xfrm>
              <a:off x="447871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4" name="Freeform: Shape 833">
              <a:extLst>
                <a:ext uri="{FF2B5EF4-FFF2-40B4-BE49-F238E27FC236}">
                  <a16:creationId xmlns:a16="http://schemas.microsoft.com/office/drawing/2014/main" id="{BF0C647F-C508-476C-91C5-BB45ACD195A4}"/>
                </a:ext>
              </a:extLst>
            </p:cNvPr>
            <p:cNvSpPr/>
            <p:nvPr/>
          </p:nvSpPr>
          <p:spPr>
            <a:xfrm>
              <a:off x="191117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5" name="Freeform: Shape 834">
              <a:extLst>
                <a:ext uri="{FF2B5EF4-FFF2-40B4-BE49-F238E27FC236}">
                  <a16:creationId xmlns:a16="http://schemas.microsoft.com/office/drawing/2014/main" id="{10534114-45C5-442E-AB31-8946CD224CD8}"/>
                </a:ext>
              </a:extLst>
            </p:cNvPr>
            <p:cNvSpPr/>
            <p:nvPr/>
          </p:nvSpPr>
          <p:spPr>
            <a:xfrm>
              <a:off x="191117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6" name="Freeform: Shape 835">
              <a:extLst>
                <a:ext uri="{FF2B5EF4-FFF2-40B4-BE49-F238E27FC236}">
                  <a16:creationId xmlns:a16="http://schemas.microsoft.com/office/drawing/2014/main" id="{AC08E020-0D11-4653-9C36-B24D7ED47008}"/>
                </a:ext>
              </a:extLst>
            </p:cNvPr>
            <p:cNvSpPr/>
            <p:nvPr/>
          </p:nvSpPr>
          <p:spPr>
            <a:xfrm>
              <a:off x="191117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7" name="Freeform: Shape 836">
              <a:extLst>
                <a:ext uri="{FF2B5EF4-FFF2-40B4-BE49-F238E27FC236}">
                  <a16:creationId xmlns:a16="http://schemas.microsoft.com/office/drawing/2014/main" id="{6994EAA5-5D82-4173-B836-6D97B67500DE}"/>
                </a:ext>
              </a:extLst>
            </p:cNvPr>
            <p:cNvSpPr/>
            <p:nvPr/>
          </p:nvSpPr>
          <p:spPr>
            <a:xfrm>
              <a:off x="447871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8" name="Freeform: Shape 837">
              <a:extLst>
                <a:ext uri="{FF2B5EF4-FFF2-40B4-BE49-F238E27FC236}">
                  <a16:creationId xmlns:a16="http://schemas.microsoft.com/office/drawing/2014/main" id="{B6DA8E28-B186-49F3-9552-F7A9DBF99A1C}"/>
                </a:ext>
              </a:extLst>
            </p:cNvPr>
            <p:cNvSpPr/>
            <p:nvPr/>
          </p:nvSpPr>
          <p:spPr>
            <a:xfrm>
              <a:off x="447871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9" name="Freeform: Shape 838">
              <a:extLst>
                <a:ext uri="{FF2B5EF4-FFF2-40B4-BE49-F238E27FC236}">
                  <a16:creationId xmlns:a16="http://schemas.microsoft.com/office/drawing/2014/main" id="{0E29FCC2-8386-4F3A-AFCB-2A47601B3AB4}"/>
                </a:ext>
              </a:extLst>
            </p:cNvPr>
            <p:cNvSpPr/>
            <p:nvPr/>
          </p:nvSpPr>
          <p:spPr>
            <a:xfrm>
              <a:off x="447871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0" name="Freeform: Shape 839">
              <a:extLst>
                <a:ext uri="{FF2B5EF4-FFF2-40B4-BE49-F238E27FC236}">
                  <a16:creationId xmlns:a16="http://schemas.microsoft.com/office/drawing/2014/main" id="{288AE7B4-3EFA-4469-8099-081E059976CD}"/>
                </a:ext>
              </a:extLst>
            </p:cNvPr>
            <p:cNvSpPr/>
            <p:nvPr/>
          </p:nvSpPr>
          <p:spPr>
            <a:xfrm>
              <a:off x="205385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1" name="Freeform: Shape 840">
              <a:extLst>
                <a:ext uri="{FF2B5EF4-FFF2-40B4-BE49-F238E27FC236}">
                  <a16:creationId xmlns:a16="http://schemas.microsoft.com/office/drawing/2014/main" id="{F92B6456-D075-4093-A3D6-221E1409EB35}"/>
                </a:ext>
              </a:extLst>
            </p:cNvPr>
            <p:cNvSpPr/>
            <p:nvPr/>
          </p:nvSpPr>
          <p:spPr>
            <a:xfrm>
              <a:off x="4621389"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2" name="Freeform: Shape 841">
              <a:extLst>
                <a:ext uri="{FF2B5EF4-FFF2-40B4-BE49-F238E27FC236}">
                  <a16:creationId xmlns:a16="http://schemas.microsoft.com/office/drawing/2014/main" id="{AB8FF9CB-00FE-4F0A-9B73-DE442C04E414}"/>
                </a:ext>
              </a:extLst>
            </p:cNvPr>
            <p:cNvSpPr/>
            <p:nvPr/>
          </p:nvSpPr>
          <p:spPr>
            <a:xfrm>
              <a:off x="205385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3" name="Freeform: Shape 842">
              <a:extLst>
                <a:ext uri="{FF2B5EF4-FFF2-40B4-BE49-F238E27FC236}">
                  <a16:creationId xmlns:a16="http://schemas.microsoft.com/office/drawing/2014/main" id="{C1250568-FE9F-463A-A60D-45AAD18B9817}"/>
                </a:ext>
              </a:extLst>
            </p:cNvPr>
            <p:cNvSpPr/>
            <p:nvPr/>
          </p:nvSpPr>
          <p:spPr>
            <a:xfrm>
              <a:off x="205385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4" name="Freeform: Shape 843">
              <a:extLst>
                <a:ext uri="{FF2B5EF4-FFF2-40B4-BE49-F238E27FC236}">
                  <a16:creationId xmlns:a16="http://schemas.microsoft.com/office/drawing/2014/main" id="{6660480E-A92A-4749-BB8C-EFFD5AB49BBE}"/>
                </a:ext>
              </a:extLst>
            </p:cNvPr>
            <p:cNvSpPr/>
            <p:nvPr/>
          </p:nvSpPr>
          <p:spPr>
            <a:xfrm>
              <a:off x="205385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5" name="Freeform: Shape 844">
              <a:extLst>
                <a:ext uri="{FF2B5EF4-FFF2-40B4-BE49-F238E27FC236}">
                  <a16:creationId xmlns:a16="http://schemas.microsoft.com/office/drawing/2014/main" id="{7128BED6-4374-4590-89CE-B4675CD9F433}"/>
                </a:ext>
              </a:extLst>
            </p:cNvPr>
            <p:cNvSpPr/>
            <p:nvPr/>
          </p:nvSpPr>
          <p:spPr>
            <a:xfrm>
              <a:off x="4621389"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6" name="Freeform: Shape 845">
              <a:extLst>
                <a:ext uri="{FF2B5EF4-FFF2-40B4-BE49-F238E27FC236}">
                  <a16:creationId xmlns:a16="http://schemas.microsoft.com/office/drawing/2014/main" id="{E3FDEB37-20C6-4E97-BF6A-72269357DB32}"/>
                </a:ext>
              </a:extLst>
            </p:cNvPr>
            <p:cNvSpPr/>
            <p:nvPr/>
          </p:nvSpPr>
          <p:spPr>
            <a:xfrm>
              <a:off x="4621389"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7" name="Freeform: Shape 846">
              <a:extLst>
                <a:ext uri="{FF2B5EF4-FFF2-40B4-BE49-F238E27FC236}">
                  <a16:creationId xmlns:a16="http://schemas.microsoft.com/office/drawing/2014/main" id="{AF6F21E1-82AA-4EE4-80FD-623AFACA3CB4}"/>
                </a:ext>
              </a:extLst>
            </p:cNvPr>
            <p:cNvSpPr/>
            <p:nvPr/>
          </p:nvSpPr>
          <p:spPr>
            <a:xfrm>
              <a:off x="4621389"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8" name="Freeform: Shape 847">
              <a:extLst>
                <a:ext uri="{FF2B5EF4-FFF2-40B4-BE49-F238E27FC236}">
                  <a16:creationId xmlns:a16="http://schemas.microsoft.com/office/drawing/2014/main" id="{B7711CEE-2DC1-4C01-A3B7-B4483EFE5BF1}"/>
                </a:ext>
              </a:extLst>
            </p:cNvPr>
            <p:cNvSpPr/>
            <p:nvPr/>
          </p:nvSpPr>
          <p:spPr>
            <a:xfrm>
              <a:off x="219645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9" name="Freeform: Shape 848">
              <a:extLst>
                <a:ext uri="{FF2B5EF4-FFF2-40B4-BE49-F238E27FC236}">
                  <a16:creationId xmlns:a16="http://schemas.microsoft.com/office/drawing/2014/main" id="{0297294F-4D05-48FE-9837-43A5800561FA}"/>
                </a:ext>
              </a:extLst>
            </p:cNvPr>
            <p:cNvSpPr/>
            <p:nvPr/>
          </p:nvSpPr>
          <p:spPr>
            <a:xfrm>
              <a:off x="476406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0" name="Freeform: Shape 849">
              <a:extLst>
                <a:ext uri="{FF2B5EF4-FFF2-40B4-BE49-F238E27FC236}">
                  <a16:creationId xmlns:a16="http://schemas.microsoft.com/office/drawing/2014/main" id="{42D4C426-27C5-4CE4-AFAA-63F839FE54B9}"/>
                </a:ext>
              </a:extLst>
            </p:cNvPr>
            <p:cNvSpPr/>
            <p:nvPr/>
          </p:nvSpPr>
          <p:spPr>
            <a:xfrm>
              <a:off x="219645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1" name="Freeform: Shape 850">
              <a:extLst>
                <a:ext uri="{FF2B5EF4-FFF2-40B4-BE49-F238E27FC236}">
                  <a16:creationId xmlns:a16="http://schemas.microsoft.com/office/drawing/2014/main" id="{3F2CB39A-FD42-44F6-A346-1E852A0C87A0}"/>
                </a:ext>
              </a:extLst>
            </p:cNvPr>
            <p:cNvSpPr/>
            <p:nvPr/>
          </p:nvSpPr>
          <p:spPr>
            <a:xfrm>
              <a:off x="219645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2" name="Freeform: Shape 851">
              <a:extLst>
                <a:ext uri="{FF2B5EF4-FFF2-40B4-BE49-F238E27FC236}">
                  <a16:creationId xmlns:a16="http://schemas.microsoft.com/office/drawing/2014/main" id="{5990B966-48ED-4B84-9273-244F174D60B5}"/>
                </a:ext>
              </a:extLst>
            </p:cNvPr>
            <p:cNvSpPr/>
            <p:nvPr/>
          </p:nvSpPr>
          <p:spPr>
            <a:xfrm>
              <a:off x="219645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3" name="Freeform: Shape 852">
              <a:extLst>
                <a:ext uri="{FF2B5EF4-FFF2-40B4-BE49-F238E27FC236}">
                  <a16:creationId xmlns:a16="http://schemas.microsoft.com/office/drawing/2014/main" id="{9F689D6B-B144-4A45-AC2E-486376DD0696}"/>
                </a:ext>
              </a:extLst>
            </p:cNvPr>
            <p:cNvSpPr/>
            <p:nvPr/>
          </p:nvSpPr>
          <p:spPr>
            <a:xfrm>
              <a:off x="476406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4" name="Freeform: Shape 853">
              <a:extLst>
                <a:ext uri="{FF2B5EF4-FFF2-40B4-BE49-F238E27FC236}">
                  <a16:creationId xmlns:a16="http://schemas.microsoft.com/office/drawing/2014/main" id="{BAEE4ABA-15B5-4E6E-934F-6C6FA100AB09}"/>
                </a:ext>
              </a:extLst>
            </p:cNvPr>
            <p:cNvSpPr/>
            <p:nvPr/>
          </p:nvSpPr>
          <p:spPr>
            <a:xfrm>
              <a:off x="476406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5" name="Freeform: Shape 854">
              <a:extLst>
                <a:ext uri="{FF2B5EF4-FFF2-40B4-BE49-F238E27FC236}">
                  <a16:creationId xmlns:a16="http://schemas.microsoft.com/office/drawing/2014/main" id="{F628676A-17C1-4284-8E43-5D301C945A67}"/>
                </a:ext>
              </a:extLst>
            </p:cNvPr>
            <p:cNvSpPr/>
            <p:nvPr/>
          </p:nvSpPr>
          <p:spPr>
            <a:xfrm>
              <a:off x="476406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6" name="Freeform: Shape 855">
              <a:extLst>
                <a:ext uri="{FF2B5EF4-FFF2-40B4-BE49-F238E27FC236}">
                  <a16:creationId xmlns:a16="http://schemas.microsoft.com/office/drawing/2014/main" id="{F4EE78F8-E63C-4E5F-BA5B-34B5E611D323}"/>
                </a:ext>
              </a:extLst>
            </p:cNvPr>
            <p:cNvSpPr/>
            <p:nvPr/>
          </p:nvSpPr>
          <p:spPr>
            <a:xfrm>
              <a:off x="233912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7" name="Freeform: Shape 856">
              <a:extLst>
                <a:ext uri="{FF2B5EF4-FFF2-40B4-BE49-F238E27FC236}">
                  <a16:creationId xmlns:a16="http://schemas.microsoft.com/office/drawing/2014/main" id="{D6F86757-2EC5-435F-86BB-A7D7D2FF4F4D}"/>
                </a:ext>
              </a:extLst>
            </p:cNvPr>
            <p:cNvSpPr/>
            <p:nvPr/>
          </p:nvSpPr>
          <p:spPr>
            <a:xfrm>
              <a:off x="490666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8" name="Freeform: Shape 857">
              <a:extLst>
                <a:ext uri="{FF2B5EF4-FFF2-40B4-BE49-F238E27FC236}">
                  <a16:creationId xmlns:a16="http://schemas.microsoft.com/office/drawing/2014/main" id="{D84902E9-57D8-4D83-9F49-720C52D40634}"/>
                </a:ext>
              </a:extLst>
            </p:cNvPr>
            <p:cNvSpPr/>
            <p:nvPr/>
          </p:nvSpPr>
          <p:spPr>
            <a:xfrm>
              <a:off x="233912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9" name="Freeform: Shape 858">
              <a:extLst>
                <a:ext uri="{FF2B5EF4-FFF2-40B4-BE49-F238E27FC236}">
                  <a16:creationId xmlns:a16="http://schemas.microsoft.com/office/drawing/2014/main" id="{963D2EC3-F79A-4185-AEC0-211131F160E5}"/>
                </a:ext>
              </a:extLst>
            </p:cNvPr>
            <p:cNvSpPr/>
            <p:nvPr/>
          </p:nvSpPr>
          <p:spPr>
            <a:xfrm>
              <a:off x="233912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0" name="Freeform: Shape 859">
              <a:extLst>
                <a:ext uri="{FF2B5EF4-FFF2-40B4-BE49-F238E27FC236}">
                  <a16:creationId xmlns:a16="http://schemas.microsoft.com/office/drawing/2014/main" id="{C1686580-00FA-41C7-B15B-3F77EBDCE6EA}"/>
                </a:ext>
              </a:extLst>
            </p:cNvPr>
            <p:cNvSpPr/>
            <p:nvPr/>
          </p:nvSpPr>
          <p:spPr>
            <a:xfrm>
              <a:off x="233912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1" name="Freeform: Shape 860">
              <a:extLst>
                <a:ext uri="{FF2B5EF4-FFF2-40B4-BE49-F238E27FC236}">
                  <a16:creationId xmlns:a16="http://schemas.microsoft.com/office/drawing/2014/main" id="{810AF588-7FC0-4F64-AB9C-6BD51CDF3360}"/>
                </a:ext>
              </a:extLst>
            </p:cNvPr>
            <p:cNvSpPr/>
            <p:nvPr/>
          </p:nvSpPr>
          <p:spPr>
            <a:xfrm>
              <a:off x="490666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2" name="Freeform: Shape 861">
              <a:extLst>
                <a:ext uri="{FF2B5EF4-FFF2-40B4-BE49-F238E27FC236}">
                  <a16:creationId xmlns:a16="http://schemas.microsoft.com/office/drawing/2014/main" id="{37E176EE-EABE-4929-AD74-7BF17B573631}"/>
                </a:ext>
              </a:extLst>
            </p:cNvPr>
            <p:cNvSpPr/>
            <p:nvPr/>
          </p:nvSpPr>
          <p:spPr>
            <a:xfrm>
              <a:off x="490666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3" name="Freeform: Shape 862">
              <a:extLst>
                <a:ext uri="{FF2B5EF4-FFF2-40B4-BE49-F238E27FC236}">
                  <a16:creationId xmlns:a16="http://schemas.microsoft.com/office/drawing/2014/main" id="{98940014-7788-4596-9C57-C81C8A32F556}"/>
                </a:ext>
              </a:extLst>
            </p:cNvPr>
            <p:cNvSpPr/>
            <p:nvPr/>
          </p:nvSpPr>
          <p:spPr>
            <a:xfrm>
              <a:off x="490666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4" name="Freeform: Shape 863">
              <a:extLst>
                <a:ext uri="{FF2B5EF4-FFF2-40B4-BE49-F238E27FC236}">
                  <a16:creationId xmlns:a16="http://schemas.microsoft.com/office/drawing/2014/main" id="{181A2E34-3513-4384-98B7-6B1D123A46B9}"/>
                </a:ext>
              </a:extLst>
            </p:cNvPr>
            <p:cNvSpPr/>
            <p:nvPr/>
          </p:nvSpPr>
          <p:spPr>
            <a:xfrm>
              <a:off x="24817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5" name="Freeform: Shape 864">
              <a:extLst>
                <a:ext uri="{FF2B5EF4-FFF2-40B4-BE49-F238E27FC236}">
                  <a16:creationId xmlns:a16="http://schemas.microsoft.com/office/drawing/2014/main" id="{50BD3A1F-7B9E-442B-A08F-17EF0A1CA416}"/>
                </a:ext>
              </a:extLst>
            </p:cNvPr>
            <p:cNvSpPr/>
            <p:nvPr/>
          </p:nvSpPr>
          <p:spPr>
            <a:xfrm>
              <a:off x="24817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6" name="Freeform: Shape 865">
              <a:extLst>
                <a:ext uri="{FF2B5EF4-FFF2-40B4-BE49-F238E27FC236}">
                  <a16:creationId xmlns:a16="http://schemas.microsoft.com/office/drawing/2014/main" id="{5BDBB410-F33C-4268-87F1-B2F87DB9A27D}"/>
                </a:ext>
              </a:extLst>
            </p:cNvPr>
            <p:cNvSpPr/>
            <p:nvPr/>
          </p:nvSpPr>
          <p:spPr>
            <a:xfrm>
              <a:off x="24817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7" name="Freeform: Shape 866">
              <a:extLst>
                <a:ext uri="{FF2B5EF4-FFF2-40B4-BE49-F238E27FC236}">
                  <a16:creationId xmlns:a16="http://schemas.microsoft.com/office/drawing/2014/main" id="{BD19F2CB-5E46-4887-8A9E-478666765288}"/>
                </a:ext>
              </a:extLst>
            </p:cNvPr>
            <p:cNvSpPr/>
            <p:nvPr/>
          </p:nvSpPr>
          <p:spPr>
            <a:xfrm>
              <a:off x="24817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8" name="Freeform: Shape 867">
              <a:extLst>
                <a:ext uri="{FF2B5EF4-FFF2-40B4-BE49-F238E27FC236}">
                  <a16:creationId xmlns:a16="http://schemas.microsoft.com/office/drawing/2014/main" id="{980C9EB8-3771-4576-8A61-C962569C37F2}"/>
                </a:ext>
              </a:extLst>
            </p:cNvPr>
            <p:cNvSpPr/>
            <p:nvPr/>
          </p:nvSpPr>
          <p:spPr>
            <a:xfrm>
              <a:off x="262439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9" name="Freeform: Shape 868">
              <a:extLst>
                <a:ext uri="{FF2B5EF4-FFF2-40B4-BE49-F238E27FC236}">
                  <a16:creationId xmlns:a16="http://schemas.microsoft.com/office/drawing/2014/main" id="{688CE1B3-BC70-452E-A6D2-F2C0AE6B43F2}"/>
                </a:ext>
              </a:extLst>
            </p:cNvPr>
            <p:cNvSpPr/>
            <p:nvPr/>
          </p:nvSpPr>
          <p:spPr>
            <a:xfrm>
              <a:off x="262439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0" name="Freeform: Shape 869">
              <a:extLst>
                <a:ext uri="{FF2B5EF4-FFF2-40B4-BE49-F238E27FC236}">
                  <a16:creationId xmlns:a16="http://schemas.microsoft.com/office/drawing/2014/main" id="{552C5AE6-C329-4D73-A84D-9B16B41773F0}"/>
                </a:ext>
              </a:extLst>
            </p:cNvPr>
            <p:cNvSpPr/>
            <p:nvPr/>
          </p:nvSpPr>
          <p:spPr>
            <a:xfrm>
              <a:off x="262439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1" name="Freeform: Shape 870">
              <a:extLst>
                <a:ext uri="{FF2B5EF4-FFF2-40B4-BE49-F238E27FC236}">
                  <a16:creationId xmlns:a16="http://schemas.microsoft.com/office/drawing/2014/main" id="{7D15C064-9B9E-41DA-906D-AA1A6F6E3ADC}"/>
                </a:ext>
              </a:extLst>
            </p:cNvPr>
            <p:cNvSpPr/>
            <p:nvPr/>
          </p:nvSpPr>
          <p:spPr>
            <a:xfrm>
              <a:off x="262439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2" name="Freeform: Shape 871">
              <a:extLst>
                <a:ext uri="{FF2B5EF4-FFF2-40B4-BE49-F238E27FC236}">
                  <a16:creationId xmlns:a16="http://schemas.microsoft.com/office/drawing/2014/main" id="{B544968A-A9B0-48B5-BE84-5C5E4497696C}"/>
                </a:ext>
              </a:extLst>
            </p:cNvPr>
            <p:cNvSpPr/>
            <p:nvPr/>
          </p:nvSpPr>
          <p:spPr>
            <a:xfrm>
              <a:off x="2767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3" name="Freeform: Shape 872">
              <a:extLst>
                <a:ext uri="{FF2B5EF4-FFF2-40B4-BE49-F238E27FC236}">
                  <a16:creationId xmlns:a16="http://schemas.microsoft.com/office/drawing/2014/main" id="{E385463A-41E9-4348-9685-9B76AD4D353D}"/>
                </a:ext>
              </a:extLst>
            </p:cNvPr>
            <p:cNvSpPr/>
            <p:nvPr/>
          </p:nvSpPr>
          <p:spPr>
            <a:xfrm>
              <a:off x="2767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4" name="Freeform: Shape 873">
              <a:extLst>
                <a:ext uri="{FF2B5EF4-FFF2-40B4-BE49-F238E27FC236}">
                  <a16:creationId xmlns:a16="http://schemas.microsoft.com/office/drawing/2014/main" id="{15D43192-8471-4C5C-A6DB-60BDE951F3B6}"/>
                </a:ext>
              </a:extLst>
            </p:cNvPr>
            <p:cNvSpPr/>
            <p:nvPr/>
          </p:nvSpPr>
          <p:spPr>
            <a:xfrm>
              <a:off x="2767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5" name="Freeform: Shape 874">
              <a:extLst>
                <a:ext uri="{FF2B5EF4-FFF2-40B4-BE49-F238E27FC236}">
                  <a16:creationId xmlns:a16="http://schemas.microsoft.com/office/drawing/2014/main" id="{7D052CE3-8D1D-40A6-899C-9DFF31D90C5D}"/>
                </a:ext>
              </a:extLst>
            </p:cNvPr>
            <p:cNvSpPr/>
            <p:nvPr/>
          </p:nvSpPr>
          <p:spPr>
            <a:xfrm>
              <a:off x="2767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6" name="Freeform: Shape 875">
              <a:extLst>
                <a:ext uri="{FF2B5EF4-FFF2-40B4-BE49-F238E27FC236}">
                  <a16:creationId xmlns:a16="http://schemas.microsoft.com/office/drawing/2014/main" id="{25F1DBFC-5D6D-40D4-8B1F-CEAD14768DE6}"/>
                </a:ext>
              </a:extLst>
            </p:cNvPr>
            <p:cNvSpPr/>
            <p:nvPr/>
          </p:nvSpPr>
          <p:spPr>
            <a:xfrm>
              <a:off x="290967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7" name="Freeform: Shape 876">
              <a:extLst>
                <a:ext uri="{FF2B5EF4-FFF2-40B4-BE49-F238E27FC236}">
                  <a16:creationId xmlns:a16="http://schemas.microsoft.com/office/drawing/2014/main" id="{55E3AE1B-1B63-4BEF-A327-5C9BFDB5B310}"/>
                </a:ext>
              </a:extLst>
            </p:cNvPr>
            <p:cNvSpPr/>
            <p:nvPr/>
          </p:nvSpPr>
          <p:spPr>
            <a:xfrm>
              <a:off x="290967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8" name="Freeform: Shape 877">
              <a:extLst>
                <a:ext uri="{FF2B5EF4-FFF2-40B4-BE49-F238E27FC236}">
                  <a16:creationId xmlns:a16="http://schemas.microsoft.com/office/drawing/2014/main" id="{D5C02D53-BD48-4772-AAE3-6ADF01D9F4AF}"/>
                </a:ext>
              </a:extLst>
            </p:cNvPr>
            <p:cNvSpPr/>
            <p:nvPr/>
          </p:nvSpPr>
          <p:spPr>
            <a:xfrm>
              <a:off x="290967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9" name="Freeform: Shape 878">
              <a:extLst>
                <a:ext uri="{FF2B5EF4-FFF2-40B4-BE49-F238E27FC236}">
                  <a16:creationId xmlns:a16="http://schemas.microsoft.com/office/drawing/2014/main" id="{101686CC-4B91-4D77-85DC-D29209B2F89F}"/>
                </a:ext>
              </a:extLst>
            </p:cNvPr>
            <p:cNvSpPr/>
            <p:nvPr/>
          </p:nvSpPr>
          <p:spPr>
            <a:xfrm>
              <a:off x="290967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0" name="Freeform: Shape 879">
              <a:extLst>
                <a:ext uri="{FF2B5EF4-FFF2-40B4-BE49-F238E27FC236}">
                  <a16:creationId xmlns:a16="http://schemas.microsoft.com/office/drawing/2014/main" id="{5BA27A01-562C-4A2A-9F23-6A59F803FAE7}"/>
                </a:ext>
              </a:extLst>
            </p:cNvPr>
            <p:cNvSpPr/>
            <p:nvPr/>
          </p:nvSpPr>
          <p:spPr>
            <a:xfrm>
              <a:off x="305234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1" name="Freeform: Shape 880">
              <a:extLst>
                <a:ext uri="{FF2B5EF4-FFF2-40B4-BE49-F238E27FC236}">
                  <a16:creationId xmlns:a16="http://schemas.microsoft.com/office/drawing/2014/main" id="{756FCA17-118A-4A43-9122-DEFB4E2F86B2}"/>
                </a:ext>
              </a:extLst>
            </p:cNvPr>
            <p:cNvSpPr/>
            <p:nvPr/>
          </p:nvSpPr>
          <p:spPr>
            <a:xfrm>
              <a:off x="305234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2" name="Freeform: Shape 881">
              <a:extLst>
                <a:ext uri="{FF2B5EF4-FFF2-40B4-BE49-F238E27FC236}">
                  <a16:creationId xmlns:a16="http://schemas.microsoft.com/office/drawing/2014/main" id="{7324A662-54D5-4782-9149-30E908480F76}"/>
                </a:ext>
              </a:extLst>
            </p:cNvPr>
            <p:cNvSpPr/>
            <p:nvPr/>
          </p:nvSpPr>
          <p:spPr>
            <a:xfrm>
              <a:off x="305234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3" name="Freeform: Shape 882">
              <a:extLst>
                <a:ext uri="{FF2B5EF4-FFF2-40B4-BE49-F238E27FC236}">
                  <a16:creationId xmlns:a16="http://schemas.microsoft.com/office/drawing/2014/main" id="{95CDD55D-4360-4B69-ADA7-8698222B5025}"/>
                </a:ext>
              </a:extLst>
            </p:cNvPr>
            <p:cNvSpPr/>
            <p:nvPr/>
          </p:nvSpPr>
          <p:spPr>
            <a:xfrm>
              <a:off x="305234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4" name="Freeform: Shape 883">
              <a:extLst>
                <a:ext uri="{FF2B5EF4-FFF2-40B4-BE49-F238E27FC236}">
                  <a16:creationId xmlns:a16="http://schemas.microsoft.com/office/drawing/2014/main" id="{AC798404-ECCA-418B-971E-DDCC381B2631}"/>
                </a:ext>
              </a:extLst>
            </p:cNvPr>
            <p:cNvSpPr/>
            <p:nvPr/>
          </p:nvSpPr>
          <p:spPr>
            <a:xfrm>
              <a:off x="319494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5" name="Freeform: Shape 884">
              <a:extLst>
                <a:ext uri="{FF2B5EF4-FFF2-40B4-BE49-F238E27FC236}">
                  <a16:creationId xmlns:a16="http://schemas.microsoft.com/office/drawing/2014/main" id="{99E7AACC-D298-400B-B329-BC7C4F1AEB03}"/>
                </a:ext>
              </a:extLst>
            </p:cNvPr>
            <p:cNvSpPr/>
            <p:nvPr/>
          </p:nvSpPr>
          <p:spPr>
            <a:xfrm>
              <a:off x="319494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6" name="Freeform: Shape 885">
              <a:extLst>
                <a:ext uri="{FF2B5EF4-FFF2-40B4-BE49-F238E27FC236}">
                  <a16:creationId xmlns:a16="http://schemas.microsoft.com/office/drawing/2014/main" id="{8409EB2A-DC83-4734-ACCF-10599AE2A5FD}"/>
                </a:ext>
              </a:extLst>
            </p:cNvPr>
            <p:cNvSpPr/>
            <p:nvPr/>
          </p:nvSpPr>
          <p:spPr>
            <a:xfrm>
              <a:off x="319494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7" name="Freeform: Shape 886">
              <a:extLst>
                <a:ext uri="{FF2B5EF4-FFF2-40B4-BE49-F238E27FC236}">
                  <a16:creationId xmlns:a16="http://schemas.microsoft.com/office/drawing/2014/main" id="{FB245EE9-F005-4F49-9DD7-4EFBD53B9D20}"/>
                </a:ext>
              </a:extLst>
            </p:cNvPr>
            <p:cNvSpPr/>
            <p:nvPr/>
          </p:nvSpPr>
          <p:spPr>
            <a:xfrm>
              <a:off x="319494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8" name="Freeform: Shape 887">
              <a:extLst>
                <a:ext uri="{FF2B5EF4-FFF2-40B4-BE49-F238E27FC236}">
                  <a16:creationId xmlns:a16="http://schemas.microsoft.com/office/drawing/2014/main" id="{C6FBE0C9-23EC-4E5F-853F-732D5E61FA1F}"/>
                </a:ext>
              </a:extLst>
            </p:cNvPr>
            <p:cNvSpPr/>
            <p:nvPr/>
          </p:nvSpPr>
          <p:spPr>
            <a:xfrm>
              <a:off x="333762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9" name="Freeform: Shape 888">
              <a:extLst>
                <a:ext uri="{FF2B5EF4-FFF2-40B4-BE49-F238E27FC236}">
                  <a16:creationId xmlns:a16="http://schemas.microsoft.com/office/drawing/2014/main" id="{0EB53203-49F2-45F5-BB5E-B9D3A7BA723D}"/>
                </a:ext>
              </a:extLst>
            </p:cNvPr>
            <p:cNvSpPr/>
            <p:nvPr/>
          </p:nvSpPr>
          <p:spPr>
            <a:xfrm>
              <a:off x="333762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0" name="Freeform: Shape 889">
              <a:extLst>
                <a:ext uri="{FF2B5EF4-FFF2-40B4-BE49-F238E27FC236}">
                  <a16:creationId xmlns:a16="http://schemas.microsoft.com/office/drawing/2014/main" id="{8CBBB3F5-5033-4513-A6D9-1175A005C8DA}"/>
                </a:ext>
              </a:extLst>
            </p:cNvPr>
            <p:cNvSpPr/>
            <p:nvPr/>
          </p:nvSpPr>
          <p:spPr>
            <a:xfrm>
              <a:off x="333762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1" name="Freeform: Shape 890">
              <a:extLst>
                <a:ext uri="{FF2B5EF4-FFF2-40B4-BE49-F238E27FC236}">
                  <a16:creationId xmlns:a16="http://schemas.microsoft.com/office/drawing/2014/main" id="{DBE2E459-8FFC-4E01-8840-A55554A07315}"/>
                </a:ext>
              </a:extLst>
            </p:cNvPr>
            <p:cNvSpPr/>
            <p:nvPr/>
          </p:nvSpPr>
          <p:spPr>
            <a:xfrm>
              <a:off x="333762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2" name="Freeform: Shape 891">
              <a:extLst>
                <a:ext uri="{FF2B5EF4-FFF2-40B4-BE49-F238E27FC236}">
                  <a16:creationId xmlns:a16="http://schemas.microsoft.com/office/drawing/2014/main" id="{4C44B840-6C74-463D-BB7E-57AF8C047CA5}"/>
                </a:ext>
              </a:extLst>
            </p:cNvPr>
            <p:cNvSpPr/>
            <p:nvPr/>
          </p:nvSpPr>
          <p:spPr>
            <a:xfrm>
              <a:off x="105535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3" name="Freeform: Shape 892">
              <a:extLst>
                <a:ext uri="{FF2B5EF4-FFF2-40B4-BE49-F238E27FC236}">
                  <a16:creationId xmlns:a16="http://schemas.microsoft.com/office/drawing/2014/main" id="{43C9EC05-7F21-4FEA-87A7-ABE907C8B56F}"/>
                </a:ext>
              </a:extLst>
            </p:cNvPr>
            <p:cNvSpPr/>
            <p:nvPr/>
          </p:nvSpPr>
          <p:spPr>
            <a:xfrm>
              <a:off x="362289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4" name="Freeform: Shape 893">
              <a:extLst>
                <a:ext uri="{FF2B5EF4-FFF2-40B4-BE49-F238E27FC236}">
                  <a16:creationId xmlns:a16="http://schemas.microsoft.com/office/drawing/2014/main" id="{587CE760-4F1A-4F03-BDB6-117B87A1993B}"/>
                </a:ext>
              </a:extLst>
            </p:cNvPr>
            <p:cNvSpPr/>
            <p:nvPr/>
          </p:nvSpPr>
          <p:spPr>
            <a:xfrm>
              <a:off x="105535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5" name="Freeform: Shape 894">
              <a:extLst>
                <a:ext uri="{FF2B5EF4-FFF2-40B4-BE49-F238E27FC236}">
                  <a16:creationId xmlns:a16="http://schemas.microsoft.com/office/drawing/2014/main" id="{4C58FCE0-B2E9-42B3-B471-C7C314D908E3}"/>
                </a:ext>
              </a:extLst>
            </p:cNvPr>
            <p:cNvSpPr/>
            <p:nvPr/>
          </p:nvSpPr>
          <p:spPr>
            <a:xfrm>
              <a:off x="105535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6" name="Freeform: Shape 895">
              <a:extLst>
                <a:ext uri="{FF2B5EF4-FFF2-40B4-BE49-F238E27FC236}">
                  <a16:creationId xmlns:a16="http://schemas.microsoft.com/office/drawing/2014/main" id="{71CFEA5C-0BC9-4C62-BB26-A071B2446252}"/>
                </a:ext>
              </a:extLst>
            </p:cNvPr>
            <p:cNvSpPr/>
            <p:nvPr/>
          </p:nvSpPr>
          <p:spPr>
            <a:xfrm>
              <a:off x="105535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7" name="Freeform: Shape 896">
              <a:extLst>
                <a:ext uri="{FF2B5EF4-FFF2-40B4-BE49-F238E27FC236}">
                  <a16:creationId xmlns:a16="http://schemas.microsoft.com/office/drawing/2014/main" id="{C6E2CDC1-E1E2-4F13-89EB-70BC5F5EBF03}"/>
                </a:ext>
              </a:extLst>
            </p:cNvPr>
            <p:cNvSpPr/>
            <p:nvPr/>
          </p:nvSpPr>
          <p:spPr>
            <a:xfrm>
              <a:off x="362289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8" name="Freeform: Shape 897">
              <a:extLst>
                <a:ext uri="{FF2B5EF4-FFF2-40B4-BE49-F238E27FC236}">
                  <a16:creationId xmlns:a16="http://schemas.microsoft.com/office/drawing/2014/main" id="{C28CFF3C-7D40-4585-BF88-E080E8385840}"/>
                </a:ext>
              </a:extLst>
            </p:cNvPr>
            <p:cNvSpPr/>
            <p:nvPr/>
          </p:nvSpPr>
          <p:spPr>
            <a:xfrm>
              <a:off x="362289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9" name="Freeform: Shape 898">
              <a:extLst>
                <a:ext uri="{FF2B5EF4-FFF2-40B4-BE49-F238E27FC236}">
                  <a16:creationId xmlns:a16="http://schemas.microsoft.com/office/drawing/2014/main" id="{2D61B68B-DA86-45F8-813F-A389C968EF77}"/>
                </a:ext>
              </a:extLst>
            </p:cNvPr>
            <p:cNvSpPr/>
            <p:nvPr/>
          </p:nvSpPr>
          <p:spPr>
            <a:xfrm>
              <a:off x="362289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0" name="Freeform: Shape 899">
              <a:extLst>
                <a:ext uri="{FF2B5EF4-FFF2-40B4-BE49-F238E27FC236}">
                  <a16:creationId xmlns:a16="http://schemas.microsoft.com/office/drawing/2014/main" id="{7C0B32C7-B08E-4DC8-A2EF-90173D1664BC}"/>
                </a:ext>
              </a:extLst>
            </p:cNvPr>
            <p:cNvSpPr/>
            <p:nvPr/>
          </p:nvSpPr>
          <p:spPr>
            <a:xfrm>
              <a:off x="433611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1" name="Freeform: Shape 900">
              <a:extLst>
                <a:ext uri="{FF2B5EF4-FFF2-40B4-BE49-F238E27FC236}">
                  <a16:creationId xmlns:a16="http://schemas.microsoft.com/office/drawing/2014/main" id="{375AF5F3-5A05-4437-8E4F-FF23A6C04821}"/>
                </a:ext>
              </a:extLst>
            </p:cNvPr>
            <p:cNvSpPr/>
            <p:nvPr/>
          </p:nvSpPr>
          <p:spPr>
            <a:xfrm>
              <a:off x="5796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2" name="Freeform: Shape 901">
              <a:extLst>
                <a:ext uri="{FF2B5EF4-FFF2-40B4-BE49-F238E27FC236}">
                  <a16:creationId xmlns:a16="http://schemas.microsoft.com/office/drawing/2014/main" id="{A8B23A5C-026F-402B-8F7F-5E9F8A583E63}"/>
                </a:ext>
              </a:extLst>
            </p:cNvPr>
            <p:cNvSpPr/>
            <p:nvPr/>
          </p:nvSpPr>
          <p:spPr>
            <a:xfrm>
              <a:off x="5796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3" name="Freeform: Shape 902">
              <a:extLst>
                <a:ext uri="{FF2B5EF4-FFF2-40B4-BE49-F238E27FC236}">
                  <a16:creationId xmlns:a16="http://schemas.microsoft.com/office/drawing/2014/main" id="{7F6CA2C8-7B51-4BE3-BD01-CCF8DF7F116A}"/>
                </a:ext>
              </a:extLst>
            </p:cNvPr>
            <p:cNvSpPr/>
            <p:nvPr/>
          </p:nvSpPr>
          <p:spPr>
            <a:xfrm>
              <a:off x="5796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4" name="Freeform: Shape 903">
              <a:extLst>
                <a:ext uri="{FF2B5EF4-FFF2-40B4-BE49-F238E27FC236}">
                  <a16:creationId xmlns:a16="http://schemas.microsoft.com/office/drawing/2014/main" id="{29F96600-B88D-4993-A53B-3C4D2D8752DE}"/>
                </a:ext>
              </a:extLst>
            </p:cNvPr>
            <p:cNvSpPr/>
            <p:nvPr/>
          </p:nvSpPr>
          <p:spPr>
            <a:xfrm>
              <a:off x="5796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5" name="Freeform: Shape 904">
              <a:extLst>
                <a:ext uri="{FF2B5EF4-FFF2-40B4-BE49-F238E27FC236}">
                  <a16:creationId xmlns:a16="http://schemas.microsoft.com/office/drawing/2014/main" id="{ED8117D8-1CF2-4F73-AE84-4FC83191C945}"/>
                </a:ext>
              </a:extLst>
            </p:cNvPr>
            <p:cNvSpPr/>
            <p:nvPr/>
          </p:nvSpPr>
          <p:spPr>
            <a:xfrm>
              <a:off x="20063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6" name="Freeform: Shape 905">
              <a:extLst>
                <a:ext uri="{FF2B5EF4-FFF2-40B4-BE49-F238E27FC236}">
                  <a16:creationId xmlns:a16="http://schemas.microsoft.com/office/drawing/2014/main" id="{C99E34F5-B917-4D14-B8E1-1A02F5364878}"/>
                </a:ext>
              </a:extLst>
            </p:cNvPr>
            <p:cNvSpPr/>
            <p:nvPr/>
          </p:nvSpPr>
          <p:spPr>
            <a:xfrm>
              <a:off x="20063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7" name="Freeform: Shape 906">
              <a:extLst>
                <a:ext uri="{FF2B5EF4-FFF2-40B4-BE49-F238E27FC236}">
                  <a16:creationId xmlns:a16="http://schemas.microsoft.com/office/drawing/2014/main" id="{D390F972-38CA-4EBE-BAFD-7D0F813F4EAA}"/>
                </a:ext>
              </a:extLst>
            </p:cNvPr>
            <p:cNvSpPr/>
            <p:nvPr/>
          </p:nvSpPr>
          <p:spPr>
            <a:xfrm>
              <a:off x="20063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8" name="Freeform: Shape 907">
              <a:extLst>
                <a:ext uri="{FF2B5EF4-FFF2-40B4-BE49-F238E27FC236}">
                  <a16:creationId xmlns:a16="http://schemas.microsoft.com/office/drawing/2014/main" id="{6EAE91E7-5A44-491E-8702-CE331227F2D9}"/>
                </a:ext>
              </a:extLst>
            </p:cNvPr>
            <p:cNvSpPr/>
            <p:nvPr/>
          </p:nvSpPr>
          <p:spPr>
            <a:xfrm>
              <a:off x="3432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9" name="Freeform: Shape 908">
              <a:extLst>
                <a:ext uri="{FF2B5EF4-FFF2-40B4-BE49-F238E27FC236}">
                  <a16:creationId xmlns:a16="http://schemas.microsoft.com/office/drawing/2014/main" id="{700FA56A-C9BE-4294-9B85-2A9E535382B5}"/>
                </a:ext>
              </a:extLst>
            </p:cNvPr>
            <p:cNvSpPr/>
            <p:nvPr/>
          </p:nvSpPr>
          <p:spPr>
            <a:xfrm>
              <a:off x="3432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0" name="Freeform: Shape 909">
              <a:extLst>
                <a:ext uri="{FF2B5EF4-FFF2-40B4-BE49-F238E27FC236}">
                  <a16:creationId xmlns:a16="http://schemas.microsoft.com/office/drawing/2014/main" id="{6A42420D-4DBC-44C9-B6EF-F8C968C5571E}"/>
                </a:ext>
              </a:extLst>
            </p:cNvPr>
            <p:cNvSpPr/>
            <p:nvPr/>
          </p:nvSpPr>
          <p:spPr>
            <a:xfrm>
              <a:off x="3432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1" name="Freeform: Shape 910">
              <a:extLst>
                <a:ext uri="{FF2B5EF4-FFF2-40B4-BE49-F238E27FC236}">
                  <a16:creationId xmlns:a16="http://schemas.microsoft.com/office/drawing/2014/main" id="{3B894FE5-7282-440F-B3BD-DE4F9A562555}"/>
                </a:ext>
              </a:extLst>
            </p:cNvPr>
            <p:cNvSpPr/>
            <p:nvPr/>
          </p:nvSpPr>
          <p:spPr>
            <a:xfrm>
              <a:off x="3432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2" name="Freeform: Shape 911">
              <a:extLst>
                <a:ext uri="{FF2B5EF4-FFF2-40B4-BE49-F238E27FC236}">
                  <a16:creationId xmlns:a16="http://schemas.microsoft.com/office/drawing/2014/main" id="{50569F85-9ED1-4663-A8B4-CB10E649F5CA}"/>
                </a:ext>
              </a:extLst>
            </p:cNvPr>
            <p:cNvSpPr/>
            <p:nvPr/>
          </p:nvSpPr>
          <p:spPr>
            <a:xfrm>
              <a:off x="485911"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3" name="Freeform: Shape 912">
              <a:extLst>
                <a:ext uri="{FF2B5EF4-FFF2-40B4-BE49-F238E27FC236}">
                  <a16:creationId xmlns:a16="http://schemas.microsoft.com/office/drawing/2014/main" id="{EEB3632A-8A46-4197-843E-85495BB838E8}"/>
                </a:ext>
              </a:extLst>
            </p:cNvPr>
            <p:cNvSpPr/>
            <p:nvPr/>
          </p:nvSpPr>
          <p:spPr>
            <a:xfrm>
              <a:off x="485911"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4" name="Freeform: Shape 913">
              <a:extLst>
                <a:ext uri="{FF2B5EF4-FFF2-40B4-BE49-F238E27FC236}">
                  <a16:creationId xmlns:a16="http://schemas.microsoft.com/office/drawing/2014/main" id="{1D1FCCE9-9666-4814-B17F-96392D98AAA0}"/>
                </a:ext>
              </a:extLst>
            </p:cNvPr>
            <p:cNvSpPr/>
            <p:nvPr/>
          </p:nvSpPr>
          <p:spPr>
            <a:xfrm>
              <a:off x="485911"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5" name="Freeform: Shape 914">
              <a:extLst>
                <a:ext uri="{FF2B5EF4-FFF2-40B4-BE49-F238E27FC236}">
                  <a16:creationId xmlns:a16="http://schemas.microsoft.com/office/drawing/2014/main" id="{7F5443F5-17E5-403C-96DB-4C85E4F08444}"/>
                </a:ext>
              </a:extLst>
            </p:cNvPr>
            <p:cNvSpPr/>
            <p:nvPr/>
          </p:nvSpPr>
          <p:spPr>
            <a:xfrm>
              <a:off x="485911"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6" name="Freeform: Shape 915">
              <a:extLst>
                <a:ext uri="{FF2B5EF4-FFF2-40B4-BE49-F238E27FC236}">
                  <a16:creationId xmlns:a16="http://schemas.microsoft.com/office/drawing/2014/main" id="{C7B243CB-71BD-4465-8BD7-D915993F661D}"/>
                </a:ext>
              </a:extLst>
            </p:cNvPr>
            <p:cNvSpPr/>
            <p:nvPr/>
          </p:nvSpPr>
          <p:spPr>
            <a:xfrm>
              <a:off x="62858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7" name="Freeform: Shape 916">
              <a:extLst>
                <a:ext uri="{FF2B5EF4-FFF2-40B4-BE49-F238E27FC236}">
                  <a16:creationId xmlns:a16="http://schemas.microsoft.com/office/drawing/2014/main" id="{86D8B143-01B8-492D-9B8D-821DF707335C}"/>
                </a:ext>
              </a:extLst>
            </p:cNvPr>
            <p:cNvSpPr/>
            <p:nvPr/>
          </p:nvSpPr>
          <p:spPr>
            <a:xfrm>
              <a:off x="62858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8" name="Freeform: Shape 917">
              <a:extLst>
                <a:ext uri="{FF2B5EF4-FFF2-40B4-BE49-F238E27FC236}">
                  <a16:creationId xmlns:a16="http://schemas.microsoft.com/office/drawing/2014/main" id="{F2D9D993-F9EE-4AA3-ACC8-16067E88E17E}"/>
                </a:ext>
              </a:extLst>
            </p:cNvPr>
            <p:cNvSpPr/>
            <p:nvPr/>
          </p:nvSpPr>
          <p:spPr>
            <a:xfrm>
              <a:off x="62858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9" name="Freeform: Shape 918">
              <a:extLst>
                <a:ext uri="{FF2B5EF4-FFF2-40B4-BE49-F238E27FC236}">
                  <a16:creationId xmlns:a16="http://schemas.microsoft.com/office/drawing/2014/main" id="{832F6A35-320D-4BB2-9850-E9A1D7A075D5}"/>
                </a:ext>
              </a:extLst>
            </p:cNvPr>
            <p:cNvSpPr/>
            <p:nvPr/>
          </p:nvSpPr>
          <p:spPr>
            <a:xfrm>
              <a:off x="62858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0" name="Freeform: Shape 919">
              <a:extLst>
                <a:ext uri="{FF2B5EF4-FFF2-40B4-BE49-F238E27FC236}">
                  <a16:creationId xmlns:a16="http://schemas.microsoft.com/office/drawing/2014/main" id="{9AC30445-FD61-47A0-A5B1-A730C1CB5FE8}"/>
                </a:ext>
              </a:extLst>
            </p:cNvPr>
            <p:cNvSpPr/>
            <p:nvPr/>
          </p:nvSpPr>
          <p:spPr>
            <a:xfrm>
              <a:off x="77118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1" name="Freeform: Shape 920">
              <a:extLst>
                <a:ext uri="{FF2B5EF4-FFF2-40B4-BE49-F238E27FC236}">
                  <a16:creationId xmlns:a16="http://schemas.microsoft.com/office/drawing/2014/main" id="{333ACE67-8B9B-415E-9FDF-E8108ABCA446}"/>
                </a:ext>
              </a:extLst>
            </p:cNvPr>
            <p:cNvSpPr/>
            <p:nvPr/>
          </p:nvSpPr>
          <p:spPr>
            <a:xfrm>
              <a:off x="77118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2" name="Freeform: Shape 921">
              <a:extLst>
                <a:ext uri="{FF2B5EF4-FFF2-40B4-BE49-F238E27FC236}">
                  <a16:creationId xmlns:a16="http://schemas.microsoft.com/office/drawing/2014/main" id="{5A8E9127-E04C-46FB-A9FD-36CD4F6AA842}"/>
                </a:ext>
              </a:extLst>
            </p:cNvPr>
            <p:cNvSpPr/>
            <p:nvPr/>
          </p:nvSpPr>
          <p:spPr>
            <a:xfrm>
              <a:off x="77118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3" name="Freeform: Shape 922">
              <a:extLst>
                <a:ext uri="{FF2B5EF4-FFF2-40B4-BE49-F238E27FC236}">
                  <a16:creationId xmlns:a16="http://schemas.microsoft.com/office/drawing/2014/main" id="{3A62D3EE-B041-46AC-91E5-B0ECEE0FC2D8}"/>
                </a:ext>
              </a:extLst>
            </p:cNvPr>
            <p:cNvSpPr/>
            <p:nvPr/>
          </p:nvSpPr>
          <p:spPr>
            <a:xfrm>
              <a:off x="77118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4" name="Freeform: Shape 923">
              <a:extLst>
                <a:ext uri="{FF2B5EF4-FFF2-40B4-BE49-F238E27FC236}">
                  <a16:creationId xmlns:a16="http://schemas.microsoft.com/office/drawing/2014/main" id="{1B46FE9D-B8D4-4D8E-8E59-74A1A2BC546B}"/>
                </a:ext>
              </a:extLst>
            </p:cNvPr>
            <p:cNvSpPr/>
            <p:nvPr/>
          </p:nvSpPr>
          <p:spPr>
            <a:xfrm>
              <a:off x="20063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grpSp>
      <p:sp>
        <p:nvSpPr>
          <p:cNvPr id="294" name="Ondertitel 2">
            <a:extLst>
              <a:ext uri="{FF2B5EF4-FFF2-40B4-BE49-F238E27FC236}">
                <a16:creationId xmlns:a16="http://schemas.microsoft.com/office/drawing/2014/main" id="{52C2D506-C20C-4144-970E-1F30626721A2}"/>
              </a:ext>
            </a:extLst>
          </p:cNvPr>
          <p:cNvSpPr>
            <a:spLocks noGrp="1"/>
          </p:cNvSpPr>
          <p:nvPr>
            <p:ph type="subTitle" idx="1" hasCustomPrompt="1"/>
          </p:nvPr>
        </p:nvSpPr>
        <p:spPr>
          <a:xfrm>
            <a:off x="631825" y="2758136"/>
            <a:ext cx="7411909" cy="1207146"/>
          </a:xfrm>
        </p:spPr>
        <p:txBody>
          <a:bodyPr anchor="b"/>
          <a:lstStyle>
            <a:lvl1pPr marL="0" indent="0" algn="l">
              <a:buNone/>
              <a:defRPr sz="2400" b="1" i="0">
                <a:solidFill>
                  <a:schemeClr val="accent4"/>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Subtitel (optioneel)</a:t>
            </a:r>
          </a:p>
        </p:txBody>
      </p:sp>
      <p:sp>
        <p:nvSpPr>
          <p:cNvPr id="7" name="Tijdelijke aanduiding voor tekst 6">
            <a:extLst>
              <a:ext uri="{FF2B5EF4-FFF2-40B4-BE49-F238E27FC236}">
                <a16:creationId xmlns:a16="http://schemas.microsoft.com/office/drawing/2014/main" id="{0436758D-A761-416C-BE19-E67431685E52}"/>
              </a:ext>
            </a:extLst>
          </p:cNvPr>
          <p:cNvSpPr>
            <a:spLocks noGrp="1"/>
          </p:cNvSpPr>
          <p:nvPr>
            <p:ph type="body" sz="quarter" idx="18" hasCustomPrompt="1"/>
          </p:nvPr>
        </p:nvSpPr>
        <p:spPr>
          <a:xfrm>
            <a:off x="633600" y="4024800"/>
            <a:ext cx="4312800" cy="460800"/>
          </a:xfrm>
        </p:spPr>
        <p:txBody>
          <a:bodyPr/>
          <a:lstStyle>
            <a:lvl1pPr marL="0" indent="0">
              <a:buNone/>
              <a:defRPr sz="2400" b="1">
                <a:solidFill>
                  <a:schemeClr val="accent4"/>
                </a:solidFill>
              </a:defRPr>
            </a:lvl1pPr>
            <a:lvl2pPr marL="457200" indent="0">
              <a:buNone/>
              <a:defRPr/>
            </a:lvl2pPr>
            <a:lvl3pPr marL="914400" indent="0">
              <a:buNone/>
              <a:defRPr/>
            </a:lvl3pPr>
            <a:lvl4pPr marL="1371600" indent="0">
              <a:buNone/>
              <a:defRPr/>
            </a:lvl4pPr>
            <a:lvl5pPr marL="1828800" indent="0">
              <a:buNone/>
              <a:defRPr/>
            </a:lvl5pPr>
          </a:lstStyle>
          <a:p>
            <a:pPr lvl="0"/>
            <a:r>
              <a:rPr lang="nl-NL" err="1"/>
              <a:t>Subregel</a:t>
            </a:r>
            <a:r>
              <a:rPr lang="nl-NL"/>
              <a:t> (optioneel)</a:t>
            </a:r>
            <a:endParaRPr lang="en-GB"/>
          </a:p>
        </p:txBody>
      </p:sp>
      <p:sp>
        <p:nvSpPr>
          <p:cNvPr id="3" name="Text Placeholder 2059">
            <a:extLst>
              <a:ext uri="{FF2B5EF4-FFF2-40B4-BE49-F238E27FC236}">
                <a16:creationId xmlns:a16="http://schemas.microsoft.com/office/drawing/2014/main" id="{550926CD-4435-3C8E-CA59-31A2DFAC5222}"/>
              </a:ext>
            </a:extLst>
          </p:cNvPr>
          <p:cNvSpPr>
            <a:spLocks noGrp="1"/>
          </p:cNvSpPr>
          <p:nvPr>
            <p:ph type="body" sz="quarter" idx="15" hasCustomPrompt="1"/>
          </p:nvPr>
        </p:nvSpPr>
        <p:spPr>
          <a:xfrm>
            <a:off x="10318971" y="6026149"/>
            <a:ext cx="1566642" cy="617539"/>
          </a:xfrm>
          <a:blipFill dpi="0" rotWithShape="1">
            <a:blip r:embed="rId2">
              <a:extLst>
                <a:ext uri="{28A0092B-C50C-407E-A947-70E740481C1C}">
                  <a14:useLocalDpi xmlns:a14="http://schemas.microsoft.com/office/drawing/2010/main" val="0"/>
                </a:ext>
              </a:extLst>
            </a:blip>
            <a:srcRect/>
            <a:stretch>
              <a:fillRect/>
            </a:stretch>
          </a:blipFill>
        </p:spPr>
        <p:txBody>
          <a:bodyPr/>
          <a:lstStyle>
            <a:lvl1pPr marL="0" indent="0">
              <a:buNone/>
              <a:defRPr/>
            </a:lvl1pPr>
          </a:lstStyle>
          <a:p>
            <a:pPr lvl="0"/>
            <a:r>
              <a:rPr lang="nl-NL" noProof="0"/>
              <a:t> </a:t>
            </a:r>
          </a:p>
        </p:txBody>
      </p:sp>
    </p:spTree>
    <p:extLst>
      <p:ext uri="{BB962C8B-B14F-4D97-AF65-F5344CB8AC3E}">
        <p14:creationId xmlns:p14="http://schemas.microsoft.com/office/powerpoint/2010/main" val="392300917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secHead" preserve="1">
  <p:cSld name="Sectiekop">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C1A2CBD-7AFA-5E47-9EDF-AA246AB44DF9}"/>
              </a:ext>
            </a:extLst>
          </p:cNvPr>
          <p:cNvSpPr>
            <a:spLocks noGrp="1"/>
          </p:cNvSpPr>
          <p:nvPr>
            <p:ph type="title" hasCustomPrompt="1"/>
          </p:nvPr>
        </p:nvSpPr>
        <p:spPr>
          <a:xfrm>
            <a:off x="631825" y="1709738"/>
            <a:ext cx="10209211" cy="2852737"/>
          </a:xfrm>
        </p:spPr>
        <p:txBody>
          <a:bodyPr anchor="b"/>
          <a:lstStyle>
            <a:lvl1pPr>
              <a:defRPr sz="6000"/>
            </a:lvl1pPr>
          </a:lstStyle>
          <a:p>
            <a:r>
              <a:rPr lang="nl-NL"/>
              <a:t>Voeg Titel toe</a:t>
            </a:r>
          </a:p>
        </p:txBody>
      </p:sp>
      <p:sp>
        <p:nvSpPr>
          <p:cNvPr id="3" name="Tijdelijke aanduiding voor tekst 2">
            <a:extLst>
              <a:ext uri="{FF2B5EF4-FFF2-40B4-BE49-F238E27FC236}">
                <a16:creationId xmlns:a16="http://schemas.microsoft.com/office/drawing/2014/main" id="{834C0A41-57D5-6940-8FC6-D43359DFEC60}"/>
              </a:ext>
            </a:extLst>
          </p:cNvPr>
          <p:cNvSpPr>
            <a:spLocks noGrp="1"/>
          </p:cNvSpPr>
          <p:nvPr>
            <p:ph type="body" idx="1" hasCustomPrompt="1"/>
          </p:nvPr>
        </p:nvSpPr>
        <p:spPr>
          <a:xfrm>
            <a:off x="631825" y="4589463"/>
            <a:ext cx="10209211" cy="1500187"/>
          </a:xfrm>
        </p:spPr>
        <p:txBody>
          <a:bodyPr/>
          <a:lstStyle>
            <a:lvl1pPr marL="0" indent="0">
              <a:buNone/>
              <a:defRPr sz="2400">
                <a:solidFill>
                  <a:schemeClr val="accent2"/>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nl-NL"/>
              <a:t>Click </a:t>
            </a:r>
            <a:r>
              <a:rPr lang="nl-NL" err="1"/>
              <a:t>to</a:t>
            </a:r>
            <a:r>
              <a:rPr lang="nl-NL"/>
              <a:t> </a:t>
            </a:r>
            <a:r>
              <a:rPr lang="nl-NL" err="1"/>
              <a:t>add</a:t>
            </a:r>
            <a:r>
              <a:rPr lang="nl-NL"/>
              <a:t> </a:t>
            </a:r>
            <a:r>
              <a:rPr lang="nl-NL" err="1"/>
              <a:t>text</a:t>
            </a:r>
            <a:endParaRPr lang="nl-NL"/>
          </a:p>
        </p:txBody>
      </p:sp>
      <p:sp>
        <p:nvSpPr>
          <p:cNvPr id="4" name="Date Placeholder 3">
            <a:extLst>
              <a:ext uri="{FF2B5EF4-FFF2-40B4-BE49-F238E27FC236}">
                <a16:creationId xmlns:a16="http://schemas.microsoft.com/office/drawing/2014/main" id="{D7566AAF-D3EE-4FC4-8219-B967A1F3DA78}"/>
              </a:ext>
            </a:extLst>
          </p:cNvPr>
          <p:cNvSpPr>
            <a:spLocks noGrp="1"/>
          </p:cNvSpPr>
          <p:nvPr>
            <p:ph type="dt" sz="half" idx="10"/>
          </p:nvPr>
        </p:nvSpPr>
        <p:spPr/>
        <p:txBody>
          <a:bodyPr/>
          <a:lstStyle/>
          <a:p>
            <a:fld id="{2CDDF44A-BF68-4CCF-A6CF-AFCBEE804673}" type="datetime1">
              <a:rPr lang="en-GB" smtClean="0"/>
              <a:t>15/03/2025</a:t>
            </a:fld>
            <a:endParaRPr lang="en-GB"/>
          </a:p>
        </p:txBody>
      </p:sp>
      <p:sp>
        <p:nvSpPr>
          <p:cNvPr id="5" name="Footer Placeholder 4">
            <a:extLst>
              <a:ext uri="{FF2B5EF4-FFF2-40B4-BE49-F238E27FC236}">
                <a16:creationId xmlns:a16="http://schemas.microsoft.com/office/drawing/2014/main" id="{77626742-66D7-4243-B025-81683DB4542E}"/>
              </a:ext>
            </a:extLst>
          </p:cNvPr>
          <p:cNvSpPr>
            <a:spLocks noGrp="1"/>
          </p:cNvSpPr>
          <p:nvPr>
            <p:ph type="ftr" sz="quarter" idx="11"/>
          </p:nvPr>
        </p:nvSpPr>
        <p:spPr/>
        <p:txBody>
          <a:bodyPr/>
          <a:lstStyle/>
          <a:p>
            <a:endParaRPr lang="en-GB"/>
          </a:p>
        </p:txBody>
      </p:sp>
      <p:sp>
        <p:nvSpPr>
          <p:cNvPr id="6" name="Slide Number Placeholder 5">
            <a:extLst>
              <a:ext uri="{FF2B5EF4-FFF2-40B4-BE49-F238E27FC236}">
                <a16:creationId xmlns:a16="http://schemas.microsoft.com/office/drawing/2014/main" id="{666F83D2-7DE5-4FBD-AACE-9622CBC3E691}"/>
              </a:ext>
            </a:extLst>
          </p:cNvPr>
          <p:cNvSpPr>
            <a:spLocks noGrp="1"/>
          </p:cNvSpPr>
          <p:nvPr>
            <p:ph type="sldNum" sz="quarter" idx="12"/>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156769473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en object">
    <p:spTree>
      <p:nvGrpSpPr>
        <p:cNvPr id="1" name=""/>
        <p:cNvGrpSpPr/>
        <p:nvPr/>
      </p:nvGrpSpPr>
      <p:grpSpPr>
        <a:xfrm>
          <a:off x="0" y="0"/>
          <a:ext cx="0" cy="0"/>
          <a:chOff x="0" y="0"/>
          <a:chExt cx="0" cy="0"/>
        </a:xfrm>
      </p:grpSpPr>
      <p:sp>
        <p:nvSpPr>
          <p:cNvPr id="19" name="Ondertitel 2">
            <a:extLst>
              <a:ext uri="{FF2B5EF4-FFF2-40B4-BE49-F238E27FC236}">
                <a16:creationId xmlns:a16="http://schemas.microsoft.com/office/drawing/2014/main" id="{B8455A8C-1151-45FD-BC04-D6EFE9E66F6A}"/>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22" name="Tijdelijke aanduiding voor inhoud 2">
            <a:extLst>
              <a:ext uri="{FF2B5EF4-FFF2-40B4-BE49-F238E27FC236}">
                <a16:creationId xmlns:a16="http://schemas.microsoft.com/office/drawing/2014/main" id="{8B00E604-4B97-4510-A3F5-5F4967D4D269}"/>
              </a:ext>
            </a:extLst>
          </p:cNvPr>
          <p:cNvSpPr>
            <a:spLocks noGrp="1"/>
          </p:cNvSpPr>
          <p:nvPr>
            <p:ph idx="1"/>
          </p:nvPr>
        </p:nvSpPr>
        <p:spPr>
          <a:xfrm>
            <a:off x="631825" y="1825626"/>
            <a:ext cx="10209212" cy="4032250"/>
          </a:xfrm>
        </p:spPr>
        <p:txBody>
          <a:bodyPr/>
          <a:lstStyle>
            <a:lvl1pPr>
              <a:defRPr sz="1400">
                <a:solidFill>
                  <a:schemeClr val="tx2"/>
                </a:solidFill>
              </a:defRPr>
            </a:lvl1pPr>
            <a:lvl2pPr>
              <a:defRPr sz="1400">
                <a:solidFill>
                  <a:schemeClr val="tx2"/>
                </a:solidFill>
              </a:defRPr>
            </a:lvl2pPr>
            <a:lvl3pPr>
              <a:defRPr sz="1400">
                <a:solidFill>
                  <a:schemeClr val="tx2"/>
                </a:solidFill>
              </a:defRPr>
            </a:lvl3pPr>
            <a:lvl4pPr>
              <a:defRPr sz="1400">
                <a:solidFill>
                  <a:schemeClr val="tx2"/>
                </a:solidFill>
              </a:defRPr>
            </a:lvl4pPr>
            <a:lvl5pPr>
              <a:defRPr sz="1400">
                <a:solidFill>
                  <a:schemeClr val="tx2"/>
                </a:solidFill>
              </a:defRPr>
            </a:lvl5pPr>
            <a:lvl6pPr>
              <a:defRPr sz="1400">
                <a:solidFill>
                  <a:schemeClr val="tx2"/>
                </a:solidFill>
              </a:defRPr>
            </a:lvl6pPr>
            <a:lvl7pPr>
              <a:defRPr sz="1400">
                <a:solidFill>
                  <a:schemeClr val="tx2"/>
                </a:solidFill>
              </a:defRPr>
            </a:lvl7pPr>
            <a:lvl8pPr>
              <a:defRPr sz="1400">
                <a:solidFill>
                  <a:schemeClr val="tx2"/>
                </a:solidFill>
              </a:defRPr>
            </a:lvl8pPr>
            <a:lvl9pPr>
              <a:defRPr sz="1400">
                <a:solidFill>
                  <a:schemeClr val="tx2"/>
                </a:solidFill>
              </a:defRPr>
            </a:lvl9pPr>
          </a:lstStyle>
          <a:p>
            <a:pPr lvl="0"/>
            <a:endParaRPr lang="nl-NL"/>
          </a:p>
        </p:txBody>
      </p:sp>
      <p:sp>
        <p:nvSpPr>
          <p:cNvPr id="23" name="Title 22">
            <a:extLst>
              <a:ext uri="{FF2B5EF4-FFF2-40B4-BE49-F238E27FC236}">
                <a16:creationId xmlns:a16="http://schemas.microsoft.com/office/drawing/2014/main" id="{680762F9-45DE-418E-9F0E-4E555F12BFE6}"/>
              </a:ext>
            </a:extLst>
          </p:cNvPr>
          <p:cNvSpPr>
            <a:spLocks noGrp="1"/>
          </p:cNvSpPr>
          <p:nvPr>
            <p:ph type="title" hasCustomPrompt="1"/>
          </p:nvPr>
        </p:nvSpPr>
        <p:spPr/>
        <p:txBody>
          <a:bodyPr/>
          <a:lstStyle>
            <a:lvl1pPr>
              <a:defRPr/>
            </a:lvl1pPr>
          </a:lstStyle>
          <a:p>
            <a:r>
              <a:rPr lang="nl-NL"/>
              <a:t>Voeg Titel toe</a:t>
            </a:r>
            <a:endParaRPr lang="en-US"/>
          </a:p>
        </p:txBody>
      </p:sp>
      <p:sp>
        <p:nvSpPr>
          <p:cNvPr id="2" name="Date Placeholder 1">
            <a:extLst>
              <a:ext uri="{FF2B5EF4-FFF2-40B4-BE49-F238E27FC236}">
                <a16:creationId xmlns:a16="http://schemas.microsoft.com/office/drawing/2014/main" id="{0DF9CAEF-4AC1-482E-A28C-4BD4EF23823E}"/>
              </a:ext>
            </a:extLst>
          </p:cNvPr>
          <p:cNvSpPr>
            <a:spLocks noGrp="1"/>
          </p:cNvSpPr>
          <p:nvPr>
            <p:ph type="dt" sz="half" idx="14"/>
          </p:nvPr>
        </p:nvSpPr>
        <p:spPr/>
        <p:txBody>
          <a:bodyPr/>
          <a:lstStyle/>
          <a:p>
            <a:fld id="{E02C8C58-7455-42B9-A9FD-EE48EC293C11}" type="datetime1">
              <a:rPr lang="en-GB" smtClean="0"/>
              <a:t>15/03/2025</a:t>
            </a:fld>
            <a:endParaRPr lang="en-GB"/>
          </a:p>
        </p:txBody>
      </p:sp>
      <p:sp>
        <p:nvSpPr>
          <p:cNvPr id="3" name="Footer Placeholder 2">
            <a:extLst>
              <a:ext uri="{FF2B5EF4-FFF2-40B4-BE49-F238E27FC236}">
                <a16:creationId xmlns:a16="http://schemas.microsoft.com/office/drawing/2014/main" id="{793A717A-0D90-431C-BCD3-A6ECA053C009}"/>
              </a:ext>
            </a:extLst>
          </p:cNvPr>
          <p:cNvSpPr>
            <a:spLocks noGrp="1"/>
          </p:cNvSpPr>
          <p:nvPr>
            <p:ph type="ftr" sz="quarter" idx="15"/>
          </p:nvPr>
        </p:nvSpPr>
        <p:spPr/>
        <p:txBody>
          <a:bodyPr/>
          <a:lstStyle/>
          <a:p>
            <a:endParaRPr lang="en-GB"/>
          </a:p>
        </p:txBody>
      </p:sp>
      <p:sp>
        <p:nvSpPr>
          <p:cNvPr id="4" name="Slide Number Placeholder 3">
            <a:extLst>
              <a:ext uri="{FF2B5EF4-FFF2-40B4-BE49-F238E27FC236}">
                <a16:creationId xmlns:a16="http://schemas.microsoft.com/office/drawing/2014/main" id="{542E7448-FA38-460E-A530-78699A84B1D6}"/>
              </a:ext>
            </a:extLst>
          </p:cNvPr>
          <p:cNvSpPr>
            <a:spLocks noGrp="1"/>
          </p:cNvSpPr>
          <p:nvPr>
            <p:ph type="sldNum" sz="quarter" idx="16"/>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5869947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Inhoud van twee">
    <p:spTree>
      <p:nvGrpSpPr>
        <p:cNvPr id="1" name=""/>
        <p:cNvGrpSpPr/>
        <p:nvPr/>
      </p:nvGrpSpPr>
      <p:grpSpPr>
        <a:xfrm>
          <a:off x="0" y="0"/>
          <a:ext cx="0" cy="0"/>
          <a:chOff x="0" y="0"/>
          <a:chExt cx="0" cy="0"/>
        </a:xfrm>
      </p:grpSpPr>
      <p:sp>
        <p:nvSpPr>
          <p:cNvPr id="3" name="Tijdelijke aanduiding voor inhoud 2">
            <a:extLst>
              <a:ext uri="{FF2B5EF4-FFF2-40B4-BE49-F238E27FC236}">
                <a16:creationId xmlns:a16="http://schemas.microsoft.com/office/drawing/2014/main" id="{CC9813C8-B51D-6841-B87E-E5EC608D4974}"/>
              </a:ext>
            </a:extLst>
          </p:cNvPr>
          <p:cNvSpPr>
            <a:spLocks noGrp="1"/>
          </p:cNvSpPr>
          <p:nvPr>
            <p:ph sz="half" idx="1"/>
          </p:nvPr>
        </p:nvSpPr>
        <p:spPr>
          <a:xfrm>
            <a:off x="631826" y="1825625"/>
            <a:ext cx="5028440" cy="4032249"/>
          </a:xfrm>
        </p:spPr>
        <p:txBody>
          <a:bodyPr/>
          <a:lstStyle>
            <a:lvl1pPr>
              <a:defRPr sz="1400">
                <a:solidFill>
                  <a:schemeClr val="tx2"/>
                </a:solidFill>
              </a:defRPr>
            </a:lvl1pPr>
            <a:lvl2pPr>
              <a:defRPr sz="1400">
                <a:solidFill>
                  <a:schemeClr val="tx2"/>
                </a:solidFill>
              </a:defRPr>
            </a:lvl2pPr>
            <a:lvl3pPr>
              <a:defRPr sz="1400">
                <a:solidFill>
                  <a:schemeClr val="tx2"/>
                </a:solidFill>
              </a:defRPr>
            </a:lvl3pPr>
            <a:lvl4pPr>
              <a:defRPr sz="1400">
                <a:solidFill>
                  <a:schemeClr val="tx2"/>
                </a:solidFill>
              </a:defRPr>
            </a:lvl4pPr>
            <a:lvl5pPr>
              <a:defRPr sz="1400">
                <a:solidFill>
                  <a:schemeClr val="tx2"/>
                </a:solidFill>
              </a:defRPr>
            </a:lvl5pPr>
            <a:lvl6pPr>
              <a:defRPr sz="1400">
                <a:solidFill>
                  <a:schemeClr val="tx2"/>
                </a:solidFill>
              </a:defRPr>
            </a:lvl6pPr>
            <a:lvl7pPr>
              <a:defRPr sz="1400">
                <a:solidFill>
                  <a:schemeClr val="tx2"/>
                </a:solidFill>
              </a:defRPr>
            </a:lvl7pPr>
            <a:lvl8pPr>
              <a:defRPr sz="1400">
                <a:solidFill>
                  <a:schemeClr val="tx2"/>
                </a:solidFill>
              </a:defRPr>
            </a:lvl8pPr>
            <a:lvl9pPr>
              <a:defRPr sz="1400">
                <a:solidFill>
                  <a:schemeClr val="tx2"/>
                </a:solidFill>
              </a:defRPr>
            </a:lvl9pPr>
          </a:lstStyle>
          <a:p>
            <a:pPr lvl="0"/>
            <a:endParaRPr lang="nl-NL"/>
          </a:p>
        </p:txBody>
      </p:sp>
      <p:sp>
        <p:nvSpPr>
          <p:cNvPr id="4" name="Tijdelijke aanduiding voor inhoud 3">
            <a:extLst>
              <a:ext uri="{FF2B5EF4-FFF2-40B4-BE49-F238E27FC236}">
                <a16:creationId xmlns:a16="http://schemas.microsoft.com/office/drawing/2014/main" id="{94CED3C7-DD9C-C945-8B8C-FF0FF6605954}"/>
              </a:ext>
            </a:extLst>
          </p:cNvPr>
          <p:cNvSpPr>
            <a:spLocks noGrp="1"/>
          </p:cNvSpPr>
          <p:nvPr>
            <p:ph sz="half" idx="2"/>
          </p:nvPr>
        </p:nvSpPr>
        <p:spPr>
          <a:xfrm>
            <a:off x="5812596" y="1825625"/>
            <a:ext cx="5028440" cy="4032249"/>
          </a:xfrm>
        </p:spPr>
        <p:txBody>
          <a:bodyPr/>
          <a:lstStyle>
            <a:lvl1pPr>
              <a:defRPr sz="1400">
                <a:solidFill>
                  <a:schemeClr val="tx2"/>
                </a:solidFill>
              </a:defRPr>
            </a:lvl1pPr>
            <a:lvl2pPr>
              <a:defRPr sz="1400">
                <a:solidFill>
                  <a:schemeClr val="tx2"/>
                </a:solidFill>
              </a:defRPr>
            </a:lvl2pPr>
            <a:lvl3pPr>
              <a:defRPr sz="1400">
                <a:solidFill>
                  <a:schemeClr val="tx2"/>
                </a:solidFill>
              </a:defRPr>
            </a:lvl3pPr>
            <a:lvl4pPr>
              <a:defRPr sz="1400">
                <a:solidFill>
                  <a:schemeClr val="tx2"/>
                </a:solidFill>
              </a:defRPr>
            </a:lvl4pPr>
            <a:lvl5pPr>
              <a:defRPr sz="1400">
                <a:solidFill>
                  <a:schemeClr val="tx2"/>
                </a:solidFill>
              </a:defRPr>
            </a:lvl5pPr>
            <a:lvl6pPr>
              <a:defRPr sz="1400">
                <a:solidFill>
                  <a:schemeClr val="tx2"/>
                </a:solidFill>
              </a:defRPr>
            </a:lvl6pPr>
            <a:lvl7pPr>
              <a:defRPr sz="1400">
                <a:solidFill>
                  <a:schemeClr val="tx2"/>
                </a:solidFill>
              </a:defRPr>
            </a:lvl7pPr>
            <a:lvl8pPr>
              <a:defRPr sz="1400">
                <a:solidFill>
                  <a:schemeClr val="tx2"/>
                </a:solidFill>
              </a:defRPr>
            </a:lvl8pPr>
            <a:lvl9pPr>
              <a:defRPr sz="1400">
                <a:solidFill>
                  <a:schemeClr val="tx2"/>
                </a:solidFill>
              </a:defRPr>
            </a:lvl9pPr>
          </a:lstStyle>
          <a:p>
            <a:pPr lvl="0"/>
            <a:endParaRPr lang="nl-NL"/>
          </a:p>
        </p:txBody>
      </p:sp>
      <p:sp>
        <p:nvSpPr>
          <p:cNvPr id="17" name="Ondertitel 2">
            <a:extLst>
              <a:ext uri="{FF2B5EF4-FFF2-40B4-BE49-F238E27FC236}">
                <a16:creationId xmlns:a16="http://schemas.microsoft.com/office/drawing/2014/main" id="{71108092-E756-4BC4-9CC5-DA455C29F3D8}"/>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21" name="Title 20">
            <a:extLst>
              <a:ext uri="{FF2B5EF4-FFF2-40B4-BE49-F238E27FC236}">
                <a16:creationId xmlns:a16="http://schemas.microsoft.com/office/drawing/2014/main" id="{B3D560FF-5751-4CD7-9FBE-4F699E3F600A}"/>
              </a:ext>
            </a:extLst>
          </p:cNvPr>
          <p:cNvSpPr>
            <a:spLocks noGrp="1"/>
          </p:cNvSpPr>
          <p:nvPr>
            <p:ph type="title" hasCustomPrompt="1"/>
          </p:nvPr>
        </p:nvSpPr>
        <p:spPr/>
        <p:txBody>
          <a:bodyPr/>
          <a:lstStyle>
            <a:lvl1pPr>
              <a:defRPr/>
            </a:lvl1pPr>
          </a:lstStyle>
          <a:p>
            <a:r>
              <a:rPr lang="nl-NL"/>
              <a:t>Voeg Titel toe</a:t>
            </a:r>
            <a:endParaRPr lang="en-US"/>
          </a:p>
        </p:txBody>
      </p:sp>
      <p:sp>
        <p:nvSpPr>
          <p:cNvPr id="2" name="Date Placeholder 1">
            <a:extLst>
              <a:ext uri="{FF2B5EF4-FFF2-40B4-BE49-F238E27FC236}">
                <a16:creationId xmlns:a16="http://schemas.microsoft.com/office/drawing/2014/main" id="{80909B7A-1D5F-494A-9AF4-DA96E477342A}"/>
              </a:ext>
            </a:extLst>
          </p:cNvPr>
          <p:cNvSpPr>
            <a:spLocks noGrp="1"/>
          </p:cNvSpPr>
          <p:nvPr>
            <p:ph type="dt" sz="half" idx="14"/>
          </p:nvPr>
        </p:nvSpPr>
        <p:spPr/>
        <p:txBody>
          <a:bodyPr/>
          <a:lstStyle/>
          <a:p>
            <a:fld id="{419E983A-F637-4B28-93FD-EAEA0BE524AF}" type="datetime1">
              <a:rPr lang="en-GB" smtClean="0"/>
              <a:t>15/03/2025</a:t>
            </a:fld>
            <a:endParaRPr lang="en-GB"/>
          </a:p>
        </p:txBody>
      </p:sp>
      <p:sp>
        <p:nvSpPr>
          <p:cNvPr id="5" name="Footer Placeholder 4">
            <a:extLst>
              <a:ext uri="{FF2B5EF4-FFF2-40B4-BE49-F238E27FC236}">
                <a16:creationId xmlns:a16="http://schemas.microsoft.com/office/drawing/2014/main" id="{6D8B29D4-7C46-4976-BE03-791E20F96459}"/>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3714B727-1874-4DDC-BEDE-7D2DFAF07B96}"/>
              </a:ext>
            </a:extLst>
          </p:cNvPr>
          <p:cNvSpPr>
            <a:spLocks noGrp="1"/>
          </p:cNvSpPr>
          <p:nvPr>
            <p:ph type="sldNum" sz="quarter" idx="16"/>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161668873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Inhoud met bijschrif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DA1C1E5-AE8F-DC45-9C52-75D68F11C680}"/>
              </a:ext>
            </a:extLst>
          </p:cNvPr>
          <p:cNvSpPr>
            <a:spLocks noGrp="1"/>
          </p:cNvSpPr>
          <p:nvPr>
            <p:ph type="title" hasCustomPrompt="1"/>
          </p:nvPr>
        </p:nvSpPr>
        <p:spPr>
          <a:xfrm>
            <a:off x="631826" y="457200"/>
            <a:ext cx="4140200" cy="1600200"/>
          </a:xfrm>
        </p:spPr>
        <p:txBody>
          <a:bodyPr anchor="b">
            <a:normAutofit/>
          </a:bodyPr>
          <a:lstStyle>
            <a:lvl1pPr>
              <a:defRPr sz="4000"/>
            </a:lvl1pPr>
          </a:lstStyle>
          <a:p>
            <a:r>
              <a:rPr lang="nl-NL"/>
              <a:t>Voeg titel toe</a:t>
            </a:r>
          </a:p>
        </p:txBody>
      </p:sp>
      <p:sp>
        <p:nvSpPr>
          <p:cNvPr id="3" name="Tijdelijke aanduiding voor inhoud 2">
            <a:extLst>
              <a:ext uri="{FF2B5EF4-FFF2-40B4-BE49-F238E27FC236}">
                <a16:creationId xmlns:a16="http://schemas.microsoft.com/office/drawing/2014/main" id="{6734FE2C-A4A1-E141-9EF8-52CAE1D6E82C}"/>
              </a:ext>
            </a:extLst>
          </p:cNvPr>
          <p:cNvSpPr>
            <a:spLocks noGrp="1"/>
          </p:cNvSpPr>
          <p:nvPr>
            <p:ph idx="1"/>
          </p:nvPr>
        </p:nvSpPr>
        <p:spPr>
          <a:xfrm>
            <a:off x="5183188" y="457201"/>
            <a:ext cx="5657848" cy="5403850"/>
          </a:xfrm>
        </p:spPr>
        <p:txBody>
          <a:bodyPr/>
          <a:lstStyle>
            <a:lvl1pPr>
              <a:defRPr sz="24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endParaRPr lang="nl-NL"/>
          </a:p>
        </p:txBody>
      </p:sp>
      <p:sp>
        <p:nvSpPr>
          <p:cNvPr id="4" name="Tijdelijke aanduiding voor tekst 3">
            <a:extLst>
              <a:ext uri="{FF2B5EF4-FFF2-40B4-BE49-F238E27FC236}">
                <a16:creationId xmlns:a16="http://schemas.microsoft.com/office/drawing/2014/main" id="{0B76EFB3-341C-CF4E-B80E-C7D189998828}"/>
              </a:ext>
            </a:extLst>
          </p:cNvPr>
          <p:cNvSpPr>
            <a:spLocks noGrp="1"/>
          </p:cNvSpPr>
          <p:nvPr>
            <p:ph type="body" sz="half" idx="2"/>
          </p:nvPr>
        </p:nvSpPr>
        <p:spPr>
          <a:xfrm>
            <a:off x="631826" y="2057400"/>
            <a:ext cx="4140199" cy="3811588"/>
          </a:xfrm>
        </p:spPr>
        <p:txBody>
          <a:bodyPr/>
          <a:lstStyle>
            <a:lvl1pPr marL="0" indent="0">
              <a:buNone/>
              <a:defRPr sz="14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endParaRPr lang="nl-NL"/>
          </a:p>
        </p:txBody>
      </p:sp>
      <p:sp>
        <p:nvSpPr>
          <p:cNvPr id="5" name="Date Placeholder 4">
            <a:extLst>
              <a:ext uri="{FF2B5EF4-FFF2-40B4-BE49-F238E27FC236}">
                <a16:creationId xmlns:a16="http://schemas.microsoft.com/office/drawing/2014/main" id="{A9C65F25-4CB7-4E4B-A45E-8A3D75577FB4}"/>
              </a:ext>
            </a:extLst>
          </p:cNvPr>
          <p:cNvSpPr>
            <a:spLocks noGrp="1"/>
          </p:cNvSpPr>
          <p:nvPr>
            <p:ph type="dt" sz="half" idx="10"/>
          </p:nvPr>
        </p:nvSpPr>
        <p:spPr/>
        <p:txBody>
          <a:bodyPr/>
          <a:lstStyle/>
          <a:p>
            <a:fld id="{8DBF8827-6856-4A09-A018-24359788D71A}" type="datetime1">
              <a:rPr lang="en-GB" smtClean="0"/>
              <a:t>15/03/2025</a:t>
            </a:fld>
            <a:endParaRPr lang="en-GB"/>
          </a:p>
        </p:txBody>
      </p:sp>
      <p:sp>
        <p:nvSpPr>
          <p:cNvPr id="6" name="Footer Placeholder 5">
            <a:extLst>
              <a:ext uri="{FF2B5EF4-FFF2-40B4-BE49-F238E27FC236}">
                <a16:creationId xmlns:a16="http://schemas.microsoft.com/office/drawing/2014/main" id="{849A3D27-F97D-4584-A9E9-50DBA9BB97F9}"/>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188E0355-D002-4FB1-8315-EB2FFE036615}"/>
              </a:ext>
            </a:extLst>
          </p:cNvPr>
          <p:cNvSpPr>
            <a:spLocks noGrp="1"/>
          </p:cNvSpPr>
          <p:nvPr>
            <p:ph type="sldNum" sz="quarter" idx="12"/>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7992887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fbeelding met bijschrift">
    <p:spTree>
      <p:nvGrpSpPr>
        <p:cNvPr id="1" name=""/>
        <p:cNvGrpSpPr/>
        <p:nvPr/>
      </p:nvGrpSpPr>
      <p:grpSpPr>
        <a:xfrm>
          <a:off x="0" y="0"/>
          <a:ext cx="0" cy="0"/>
          <a:chOff x="0" y="0"/>
          <a:chExt cx="0" cy="0"/>
        </a:xfrm>
      </p:grpSpPr>
      <p:sp>
        <p:nvSpPr>
          <p:cNvPr id="3" name="Tijdelijke aanduiding voor afbeelding 2">
            <a:extLst>
              <a:ext uri="{FF2B5EF4-FFF2-40B4-BE49-F238E27FC236}">
                <a16:creationId xmlns:a16="http://schemas.microsoft.com/office/drawing/2014/main" id="{D6022EB0-2AEA-8742-BA74-F7C05DA91ACD}"/>
              </a:ext>
            </a:extLst>
          </p:cNvPr>
          <p:cNvSpPr>
            <a:spLocks noGrp="1"/>
          </p:cNvSpPr>
          <p:nvPr>
            <p:ph type="pic" idx="1"/>
          </p:nvPr>
        </p:nvSpPr>
        <p:spPr>
          <a:xfrm>
            <a:off x="5183188" y="457201"/>
            <a:ext cx="5657848" cy="5403850"/>
          </a:xfrm>
        </p:spPr>
        <p:txBody>
          <a:bodyPr rtlCol="0">
            <a:normAutofit/>
          </a:bodyPr>
          <a:lstStyle>
            <a:lvl1pPr marL="0" indent="0">
              <a:buNone/>
              <a:defRPr sz="2400"/>
            </a:lvl1pPr>
            <a:lvl2pPr marL="457200" indent="0">
              <a:buNone/>
              <a:defRPr sz="24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lvl="0"/>
            <a:endParaRPr lang="nl-NL" noProof="0"/>
          </a:p>
        </p:txBody>
      </p:sp>
      <p:sp>
        <p:nvSpPr>
          <p:cNvPr id="13" name="Titel 1">
            <a:extLst>
              <a:ext uri="{FF2B5EF4-FFF2-40B4-BE49-F238E27FC236}">
                <a16:creationId xmlns:a16="http://schemas.microsoft.com/office/drawing/2014/main" id="{DE2EBB02-DACF-47B5-8F5E-12EDE3F830F8}"/>
              </a:ext>
            </a:extLst>
          </p:cNvPr>
          <p:cNvSpPr>
            <a:spLocks noGrp="1"/>
          </p:cNvSpPr>
          <p:nvPr>
            <p:ph type="title" hasCustomPrompt="1"/>
          </p:nvPr>
        </p:nvSpPr>
        <p:spPr>
          <a:xfrm>
            <a:off x="631826" y="457200"/>
            <a:ext cx="4140200" cy="1600200"/>
          </a:xfrm>
        </p:spPr>
        <p:txBody>
          <a:bodyPr anchor="b">
            <a:normAutofit/>
          </a:bodyPr>
          <a:lstStyle>
            <a:lvl1pPr>
              <a:defRPr sz="4000"/>
            </a:lvl1pPr>
          </a:lstStyle>
          <a:p>
            <a:r>
              <a:rPr lang="nl-NL"/>
              <a:t>Voeg titel toe</a:t>
            </a:r>
          </a:p>
        </p:txBody>
      </p:sp>
      <p:sp>
        <p:nvSpPr>
          <p:cNvPr id="14" name="Tijdelijke aanduiding voor tekst 3">
            <a:extLst>
              <a:ext uri="{FF2B5EF4-FFF2-40B4-BE49-F238E27FC236}">
                <a16:creationId xmlns:a16="http://schemas.microsoft.com/office/drawing/2014/main" id="{1440C125-C510-4962-806C-38C93CA43877}"/>
              </a:ext>
            </a:extLst>
          </p:cNvPr>
          <p:cNvSpPr>
            <a:spLocks noGrp="1"/>
          </p:cNvSpPr>
          <p:nvPr>
            <p:ph type="body" sz="half" idx="2"/>
          </p:nvPr>
        </p:nvSpPr>
        <p:spPr>
          <a:xfrm>
            <a:off x="631826" y="2057400"/>
            <a:ext cx="4140199" cy="3811588"/>
          </a:xfrm>
        </p:spPr>
        <p:txBody>
          <a:bodyPr/>
          <a:lstStyle>
            <a:lvl1pPr marL="285750" indent="-285750">
              <a:buFont typeface="Arial" panose="020B0604020202020204" pitchFamily="34" charset="0"/>
              <a:buChar char="•"/>
              <a:defRPr sz="1400"/>
            </a:lvl1pPr>
            <a:lvl2pPr marL="742950" indent="-285750">
              <a:buFont typeface="Arial" panose="020B0604020202020204" pitchFamily="34" charset="0"/>
              <a:buChar char="•"/>
              <a:defRPr sz="1400"/>
            </a:lvl2pPr>
            <a:lvl3pPr marL="1085850" indent="-171450">
              <a:buFont typeface="Arial" panose="020B0604020202020204" pitchFamily="34" charset="0"/>
              <a:buChar char="•"/>
              <a:defRPr sz="1200"/>
            </a:lvl3pPr>
            <a:lvl4pPr marL="1543050" indent="-171450">
              <a:buFont typeface="Arial" panose="020B0604020202020204" pitchFamily="34" charset="0"/>
              <a:buChar char="•"/>
              <a:defRPr sz="1000"/>
            </a:lvl4pPr>
            <a:lvl5pPr marL="2000250" indent="-171450">
              <a:buFont typeface="Arial" panose="020B0604020202020204" pitchFamily="34" charset="0"/>
              <a:buChar char="•"/>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endParaRPr lang="nl-NL"/>
          </a:p>
        </p:txBody>
      </p:sp>
      <p:sp>
        <p:nvSpPr>
          <p:cNvPr id="2" name="Date Placeholder 1">
            <a:extLst>
              <a:ext uri="{FF2B5EF4-FFF2-40B4-BE49-F238E27FC236}">
                <a16:creationId xmlns:a16="http://schemas.microsoft.com/office/drawing/2014/main" id="{8788018A-7690-4347-A6B0-BE896BA4FC49}"/>
              </a:ext>
            </a:extLst>
          </p:cNvPr>
          <p:cNvSpPr>
            <a:spLocks noGrp="1"/>
          </p:cNvSpPr>
          <p:nvPr>
            <p:ph type="dt" sz="half" idx="10"/>
          </p:nvPr>
        </p:nvSpPr>
        <p:spPr/>
        <p:txBody>
          <a:bodyPr/>
          <a:lstStyle/>
          <a:p>
            <a:fld id="{8D2B81A2-5B81-4A11-B009-4CA1936816F2}" type="datetime1">
              <a:rPr lang="en-GB" smtClean="0"/>
              <a:t>15/03/2025</a:t>
            </a:fld>
            <a:endParaRPr lang="en-GB"/>
          </a:p>
        </p:txBody>
      </p:sp>
      <p:sp>
        <p:nvSpPr>
          <p:cNvPr id="4" name="Footer Placeholder 3">
            <a:extLst>
              <a:ext uri="{FF2B5EF4-FFF2-40B4-BE49-F238E27FC236}">
                <a16:creationId xmlns:a16="http://schemas.microsoft.com/office/drawing/2014/main" id="{6DFFF564-B1E9-4D03-93E7-8C506DB6066A}"/>
              </a:ext>
            </a:extLst>
          </p:cNvPr>
          <p:cNvSpPr>
            <a:spLocks noGrp="1"/>
          </p:cNvSpPr>
          <p:nvPr>
            <p:ph type="ftr" sz="quarter" idx="11"/>
          </p:nvPr>
        </p:nvSpPr>
        <p:spPr/>
        <p:txBody>
          <a:bodyPr/>
          <a:lstStyle/>
          <a:p>
            <a:endParaRPr lang="en-GB"/>
          </a:p>
        </p:txBody>
      </p:sp>
      <p:sp>
        <p:nvSpPr>
          <p:cNvPr id="5" name="Slide Number Placeholder 4">
            <a:extLst>
              <a:ext uri="{FF2B5EF4-FFF2-40B4-BE49-F238E27FC236}">
                <a16:creationId xmlns:a16="http://schemas.microsoft.com/office/drawing/2014/main" id="{56E40684-790F-46B4-BC70-725A912348F2}"/>
              </a:ext>
            </a:extLst>
          </p:cNvPr>
          <p:cNvSpPr>
            <a:spLocks noGrp="1"/>
          </p:cNvSpPr>
          <p:nvPr>
            <p:ph type="sldNum" sz="quarter" idx="12"/>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52320378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pn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3" name="Rechthoekige driehoek 5">
            <a:extLst>
              <a:ext uri="{FF2B5EF4-FFF2-40B4-BE49-F238E27FC236}">
                <a16:creationId xmlns:a16="http://schemas.microsoft.com/office/drawing/2014/main" id="{83C50CDB-643D-41D1-A546-6004593C90CC}"/>
              </a:ext>
            </a:extLst>
          </p:cNvPr>
          <p:cNvSpPr/>
          <p:nvPr userDrawn="1"/>
        </p:nvSpPr>
        <p:spPr>
          <a:xfrm rot="5400000">
            <a:off x="-20638" y="3175"/>
            <a:ext cx="1565276" cy="1524000"/>
          </a:xfrm>
          <a:prstGeom prst="rtTriangle">
            <a:avLst/>
          </a:prstGeom>
          <a:solidFill>
            <a:srgbClr val="86D2ED">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nl-NL"/>
          </a:p>
        </p:txBody>
      </p:sp>
      <p:sp>
        <p:nvSpPr>
          <p:cNvPr id="2" name="Tijdelijke aanduiding voor titel 1">
            <a:extLst>
              <a:ext uri="{FF2B5EF4-FFF2-40B4-BE49-F238E27FC236}">
                <a16:creationId xmlns:a16="http://schemas.microsoft.com/office/drawing/2014/main" id="{EE718F30-BFE0-0049-A724-06A1A3A580DA}"/>
              </a:ext>
            </a:extLst>
          </p:cNvPr>
          <p:cNvSpPr>
            <a:spLocks noGrp="1"/>
          </p:cNvSpPr>
          <p:nvPr>
            <p:ph type="title"/>
          </p:nvPr>
        </p:nvSpPr>
        <p:spPr>
          <a:xfrm>
            <a:off x="631825" y="365126"/>
            <a:ext cx="10209211" cy="648000"/>
          </a:xfrm>
          <a:prstGeom prst="rect">
            <a:avLst/>
          </a:prstGeom>
        </p:spPr>
        <p:txBody>
          <a:bodyPr vert="horz" lIns="91440" tIns="45720" rIns="91440" bIns="45720" rtlCol="0" anchor="t">
            <a:normAutofit/>
          </a:bodyPr>
          <a:lstStyle/>
          <a:p>
            <a:r>
              <a:rPr lang="nl-NL"/>
              <a:t>Voeg Titel toe</a:t>
            </a:r>
          </a:p>
        </p:txBody>
      </p:sp>
      <p:sp>
        <p:nvSpPr>
          <p:cNvPr id="1027" name="Tijdelijke aanduiding voor tekst 2">
            <a:extLst>
              <a:ext uri="{FF2B5EF4-FFF2-40B4-BE49-F238E27FC236}">
                <a16:creationId xmlns:a16="http://schemas.microsoft.com/office/drawing/2014/main" id="{49A86127-AF9F-2C41-9CC5-60997F3C5702}"/>
              </a:ext>
            </a:extLst>
          </p:cNvPr>
          <p:cNvSpPr>
            <a:spLocks noGrp="1" noChangeArrowheads="1"/>
          </p:cNvSpPr>
          <p:nvPr>
            <p:ph type="body" idx="1"/>
          </p:nvPr>
        </p:nvSpPr>
        <p:spPr bwMode="auto">
          <a:xfrm>
            <a:off x="631825" y="1825625"/>
            <a:ext cx="10209211" cy="40322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lvl="0"/>
            <a:endParaRPr lang="nl-NL" altLang="nl-NL"/>
          </a:p>
          <a:p>
            <a:pPr lvl="1"/>
            <a:endParaRPr lang="nl-NL" altLang="nl-NL"/>
          </a:p>
          <a:p>
            <a:pPr lvl="2"/>
            <a:endParaRPr lang="nl-NL" altLang="nl-NL"/>
          </a:p>
          <a:p>
            <a:pPr lvl="3"/>
            <a:endParaRPr lang="nl-NL" altLang="nl-NL"/>
          </a:p>
          <a:p>
            <a:pPr lvl="4"/>
            <a:endParaRPr lang="nl-NL" altLang="nl-NL"/>
          </a:p>
          <a:p>
            <a:pPr lvl="4"/>
            <a:endParaRPr lang="nl-NL" altLang="nl-NL"/>
          </a:p>
        </p:txBody>
      </p:sp>
      <p:pic>
        <p:nvPicPr>
          <p:cNvPr id="4" name="Picture 9">
            <a:extLst>
              <a:ext uri="{FF2B5EF4-FFF2-40B4-BE49-F238E27FC236}">
                <a16:creationId xmlns:a16="http://schemas.microsoft.com/office/drawing/2014/main" id="{A2A64451-1F2C-476E-937F-8E907E5AE306}"/>
              </a:ext>
            </a:extLst>
          </p:cNvPr>
          <p:cNvPicPr>
            <a:picLocks noChangeAspect="1"/>
          </p:cNvPicPr>
          <p:nvPr userDrawn="1"/>
        </p:nvPicPr>
        <p:blipFill>
          <a:blip r:embed="rId16">
            <a:extLst>
              <a:ext uri="{28A0092B-C50C-407E-A947-70E740481C1C}">
                <a14:useLocalDpi xmlns:a14="http://schemas.microsoft.com/office/drawing/2010/main" val="0"/>
              </a:ext>
            </a:extLst>
          </a:blip>
          <a:srcRect/>
          <a:stretch>
            <a:fillRect/>
          </a:stretch>
        </p:blipFill>
        <p:spPr bwMode="auto">
          <a:xfrm>
            <a:off x="10939463" y="6199188"/>
            <a:ext cx="1154112" cy="5984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 name="Tijdelijke aanduiding voor datum 3">
            <a:extLst>
              <a:ext uri="{FF2B5EF4-FFF2-40B4-BE49-F238E27FC236}">
                <a16:creationId xmlns:a16="http://schemas.microsoft.com/office/drawing/2014/main" id="{7AF74F37-9555-4F71-8CD7-EE564557B5E0}"/>
              </a:ext>
            </a:extLst>
          </p:cNvPr>
          <p:cNvSpPr>
            <a:spLocks noGrp="1"/>
          </p:cNvSpPr>
          <p:nvPr>
            <p:ph type="dt" sz="half" idx="2"/>
          </p:nvPr>
        </p:nvSpPr>
        <p:spPr>
          <a:xfrm>
            <a:off x="631825" y="6483046"/>
            <a:ext cx="832104"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lang="nl-NL" sz="700" smtClean="0">
                <a:solidFill>
                  <a:schemeClr val="tx2"/>
                </a:solidFill>
                <a:latin typeface="Arial" panose="020B0604020202020204" pitchFamily="34" charset="0"/>
                <a:cs typeface="Arial" panose="020B0604020202020204" pitchFamily="34" charset="0"/>
              </a:defRPr>
            </a:lvl1pPr>
          </a:lstStyle>
          <a:p>
            <a:fld id="{7678AA31-385E-486D-A654-59401A2A3B5E}" type="datetime1">
              <a:rPr lang="nl-NL" noProof="0" smtClean="0"/>
              <a:pPr/>
              <a:t>15-03-2025</a:t>
            </a:fld>
            <a:endParaRPr lang="nl-NL" noProof="0"/>
          </a:p>
        </p:txBody>
      </p:sp>
      <p:sp>
        <p:nvSpPr>
          <p:cNvPr id="6" name="Tijdelijke aanduiding voor voettekst 4">
            <a:extLst>
              <a:ext uri="{FF2B5EF4-FFF2-40B4-BE49-F238E27FC236}">
                <a16:creationId xmlns:a16="http://schemas.microsoft.com/office/drawing/2014/main" id="{E3A98EC9-551D-456A-AEEF-AFA8AEBD64C5}"/>
              </a:ext>
            </a:extLst>
          </p:cNvPr>
          <p:cNvSpPr>
            <a:spLocks noGrp="1"/>
          </p:cNvSpPr>
          <p:nvPr>
            <p:ph type="ftr" sz="quarter" idx="3"/>
          </p:nvPr>
        </p:nvSpPr>
        <p:spPr>
          <a:xfrm>
            <a:off x="1562356" y="6483045"/>
            <a:ext cx="8694253"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lang="nl-NL" sz="700">
                <a:solidFill>
                  <a:schemeClr val="tx2"/>
                </a:solidFill>
                <a:latin typeface="Arial" panose="020B0604020202020204" pitchFamily="34" charset="0"/>
                <a:cs typeface="Arial" panose="020B0604020202020204" pitchFamily="34" charset="0"/>
              </a:defRPr>
            </a:lvl1pPr>
          </a:lstStyle>
          <a:p>
            <a:endParaRPr lang="nl-NL" noProof="0"/>
          </a:p>
        </p:txBody>
      </p:sp>
      <p:sp>
        <p:nvSpPr>
          <p:cNvPr id="7" name="Tijdelijke aanduiding voor dianummer 5">
            <a:extLst>
              <a:ext uri="{FF2B5EF4-FFF2-40B4-BE49-F238E27FC236}">
                <a16:creationId xmlns:a16="http://schemas.microsoft.com/office/drawing/2014/main" id="{67542B40-4943-4574-A4B5-BDC7E2560C8D}"/>
              </a:ext>
            </a:extLst>
          </p:cNvPr>
          <p:cNvSpPr>
            <a:spLocks noGrp="1"/>
          </p:cNvSpPr>
          <p:nvPr>
            <p:ph type="sldNum" sz="quarter" idx="4"/>
          </p:nvPr>
        </p:nvSpPr>
        <p:spPr>
          <a:xfrm>
            <a:off x="10355036" y="6483047"/>
            <a:ext cx="486000"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lgn="r">
              <a:defRPr lang="nl-NL" altLang="nl-NL" sz="700" smtClean="0">
                <a:solidFill>
                  <a:schemeClr val="tx2"/>
                </a:solidFill>
                <a:latin typeface="Arial" panose="020B0604020202020204" pitchFamily="34" charset="0"/>
                <a:cs typeface="Arial" panose="020B0604020202020204" pitchFamily="34" charset="0"/>
              </a:defRPr>
            </a:lvl1pPr>
          </a:lstStyle>
          <a:p>
            <a:fld id="{83D1311D-0AF4-BF42-8BF9-EAD1FE65203C}" type="slidenum">
              <a:rPr lang="nl-NL" noProof="0" smtClean="0"/>
              <a:pPr/>
              <a:t>‹nr.›</a:t>
            </a:fld>
            <a:endParaRPr lang="nl-NL" noProof="0"/>
          </a:p>
        </p:txBody>
      </p:sp>
    </p:spTree>
  </p:cSld>
  <p:clrMap bg1="lt1" tx1="dk1" bg2="lt2" tx2="dk2" accent1="accent1" accent2="accent2" accent3="accent3" accent4="accent4" accent5="accent5" accent6="accent6" hlink="hlink" folHlink="folHlink"/>
  <p:sldLayoutIdLst>
    <p:sldLayoutId id="2147483965" r:id="rId1"/>
    <p:sldLayoutId id="2147483981" r:id="rId2"/>
    <p:sldLayoutId id="2147483982" r:id="rId3"/>
    <p:sldLayoutId id="2147483986" r:id="rId4"/>
    <p:sldLayoutId id="2147483967" r:id="rId5"/>
    <p:sldLayoutId id="2147483966" r:id="rId6"/>
    <p:sldLayoutId id="2147483968" r:id="rId7"/>
    <p:sldLayoutId id="2147483972" r:id="rId8"/>
    <p:sldLayoutId id="2147483973" r:id="rId9"/>
    <p:sldLayoutId id="2147483969" r:id="rId10"/>
    <p:sldLayoutId id="2147483984" r:id="rId11"/>
    <p:sldLayoutId id="2147483970" r:id="rId12"/>
    <p:sldLayoutId id="2147483985" r:id="rId13"/>
    <p:sldLayoutId id="2147483987" r:id="rId14"/>
  </p:sldLayoutIdLst>
  <p:hf hdr="0"/>
  <p:txStyles>
    <p:titleStyle>
      <a:lvl1pPr algn="l" rtl="0" eaLnBrk="0" fontAlgn="base" hangingPunct="0">
        <a:lnSpc>
          <a:spcPct val="90000"/>
        </a:lnSpc>
        <a:spcBef>
          <a:spcPct val="0"/>
        </a:spcBef>
        <a:spcAft>
          <a:spcPct val="0"/>
        </a:spcAft>
        <a:defRPr sz="4000" b="0" kern="1200" cap="all" spc="-150" baseline="0">
          <a:solidFill>
            <a:schemeClr val="tx2"/>
          </a:solidFill>
          <a:latin typeface="Arial Black" panose="020B0604020202020204" pitchFamily="34" charset="0"/>
          <a:ea typeface="Arial Black" panose="020B0604020202020204" pitchFamily="34" charset="0"/>
          <a:cs typeface="Arial Black" panose="020B0604020202020204" pitchFamily="34" charset="0"/>
        </a:defRPr>
      </a:lvl1pPr>
      <a:lvl2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2pPr>
      <a:lvl3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3pPr>
      <a:lvl4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4pPr>
      <a:lvl5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5pPr>
      <a:lvl6pPr marL="4572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6pPr>
      <a:lvl7pPr marL="9144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7pPr>
      <a:lvl8pPr marL="13716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8pPr>
      <a:lvl9pPr marL="18288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9pPr>
    </p:titleStyle>
    <p:bodyStyle>
      <a:lvl1pPr marL="228600" indent="-228600" algn="l" rtl="0" eaLnBrk="0" fontAlgn="base" hangingPunct="0">
        <a:lnSpc>
          <a:spcPct val="90000"/>
        </a:lnSpc>
        <a:spcBef>
          <a:spcPts val="1000"/>
        </a:spcBef>
        <a:spcAft>
          <a:spcPct val="0"/>
        </a:spcAft>
        <a:buFont typeface="Arial" panose="020B0604020202020204" pitchFamily="34" charset="0"/>
        <a:buChar char="•"/>
        <a:defRPr sz="2800" kern="1200">
          <a:solidFill>
            <a:schemeClr val="tx2"/>
          </a:solidFill>
          <a:latin typeface="Arial" panose="020B0604020202020204" pitchFamily="34" charset="0"/>
          <a:ea typeface="+mn-ea"/>
          <a:cs typeface="Arial" panose="020B0604020202020204" pitchFamily="34" charset="0"/>
        </a:defRPr>
      </a:lvl1pPr>
      <a:lvl2pPr marL="685800" indent="-228600" algn="l" rtl="0" eaLnBrk="0" fontAlgn="base" hangingPunct="0">
        <a:lnSpc>
          <a:spcPct val="90000"/>
        </a:lnSpc>
        <a:spcBef>
          <a:spcPts val="500"/>
        </a:spcBef>
        <a:spcAft>
          <a:spcPct val="0"/>
        </a:spcAft>
        <a:buFont typeface="Arial" panose="020B0604020202020204" pitchFamily="34" charset="0"/>
        <a:buChar char="•"/>
        <a:defRPr sz="2400" kern="1200">
          <a:solidFill>
            <a:schemeClr val="tx2"/>
          </a:solidFill>
          <a:latin typeface="Arial" panose="020B0604020202020204" pitchFamily="34" charset="0"/>
          <a:ea typeface="+mn-ea"/>
          <a:cs typeface="Arial" panose="020B0604020202020204" pitchFamily="34" charset="0"/>
        </a:defRPr>
      </a:lvl2pPr>
      <a:lvl3pPr marL="1143000" indent="-228600" algn="l" rtl="0" eaLnBrk="0" fontAlgn="base" hangingPunct="0">
        <a:lnSpc>
          <a:spcPct val="90000"/>
        </a:lnSpc>
        <a:spcBef>
          <a:spcPts val="500"/>
        </a:spcBef>
        <a:spcAft>
          <a:spcPct val="0"/>
        </a:spcAft>
        <a:buFont typeface="Arial" panose="020B0604020202020204" pitchFamily="34" charset="0"/>
        <a:buChar char="•"/>
        <a:defRPr sz="2000" kern="1200">
          <a:solidFill>
            <a:schemeClr val="tx2"/>
          </a:solidFill>
          <a:latin typeface="Arial" panose="020B0604020202020204" pitchFamily="34" charset="0"/>
          <a:ea typeface="+mn-ea"/>
          <a:cs typeface="Arial" panose="020B0604020202020204" pitchFamily="34" charset="0"/>
        </a:defRPr>
      </a:lvl3pPr>
      <a:lvl4pPr marL="16002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4pPr>
      <a:lvl5pPr marL="20574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Layout" Target="../slideLayouts/slideLayout13.xml"/></Relationships>
</file>

<file path=ppt/slides/_rels/slide10.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image" Target="../media/image19.png"/><Relationship Id="rId1" Type="http://schemas.openxmlformats.org/officeDocument/2006/relationships/slideLayout" Target="../slideLayouts/slideLayout14.xml"/><Relationship Id="rId6" Type="http://schemas.openxmlformats.org/officeDocument/2006/relationships/image" Target="../media/image18.png"/><Relationship Id="rId5" Type="http://schemas.openxmlformats.org/officeDocument/2006/relationships/image" Target="../media/image22.png"/><Relationship Id="rId4" Type="http://schemas.openxmlformats.org/officeDocument/2006/relationships/image" Target="../media/image21.jpeg"/></Relationships>
</file>

<file path=ppt/slides/_rels/slide11.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14.xml"/></Relationships>
</file>

<file path=ppt/slides/_rels/slide12.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6.xml"/><Relationship Id="rId1" Type="http://schemas.openxmlformats.org/officeDocument/2006/relationships/slideLayout" Target="../slideLayouts/slideLayout14.xml"/><Relationship Id="rId5" Type="http://schemas.openxmlformats.org/officeDocument/2006/relationships/image" Target="../media/image18.png"/><Relationship Id="rId4" Type="http://schemas.openxmlformats.org/officeDocument/2006/relationships/image" Target="../media/image24.png"/></Relationships>
</file>

<file path=ppt/slides/_rels/slide13.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notesSlide" Target="../notesSlides/notesSlide7.xml"/><Relationship Id="rId1" Type="http://schemas.openxmlformats.org/officeDocument/2006/relationships/slideLayout" Target="../slideLayouts/slideLayout14.xml"/><Relationship Id="rId5" Type="http://schemas.openxmlformats.org/officeDocument/2006/relationships/image" Target="../media/image25.jpeg"/><Relationship Id="rId4" Type="http://schemas.openxmlformats.org/officeDocument/2006/relationships/image" Target="../media/image18.png"/></Relationships>
</file>

<file path=ppt/slides/_rels/slide14.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image" Target="../media/image26.jpeg"/><Relationship Id="rId1" Type="http://schemas.openxmlformats.org/officeDocument/2006/relationships/slideLayout" Target="../slideLayouts/slideLayout14.xml"/></Relationships>
</file>

<file path=ppt/slides/_rels/slide15.xml.rels><?xml version="1.0" encoding="UTF-8" standalone="yes"?>
<Relationships xmlns="http://schemas.openxmlformats.org/package/2006/relationships"><Relationship Id="rId2" Type="http://schemas.openxmlformats.org/officeDocument/2006/relationships/image" Target="../media/image28.jpg"/><Relationship Id="rId1" Type="http://schemas.openxmlformats.org/officeDocument/2006/relationships/slideLayout" Target="../slideLayouts/slideLayout14.xml"/></Relationships>
</file>

<file path=ppt/slides/_rels/slide16.xml.rels><?xml version="1.0" encoding="UTF-8" standalone="yes"?>
<Relationships xmlns="http://schemas.openxmlformats.org/package/2006/relationships"><Relationship Id="rId3" Type="http://schemas.openxmlformats.org/officeDocument/2006/relationships/image" Target="../media/image29.jpeg"/><Relationship Id="rId2" Type="http://schemas.openxmlformats.org/officeDocument/2006/relationships/notesSlide" Target="../notesSlides/notesSlide8.xml"/><Relationship Id="rId1" Type="http://schemas.openxmlformats.org/officeDocument/2006/relationships/slideLayout" Target="../slideLayouts/slideLayout14.xml"/></Relationships>
</file>

<file path=ppt/slides/_rels/slide17.xml.rels><?xml version="1.0" encoding="UTF-8" standalone="yes"?>
<Relationships xmlns="http://schemas.openxmlformats.org/package/2006/relationships"><Relationship Id="rId3" Type="http://schemas.openxmlformats.org/officeDocument/2006/relationships/image" Target="../media/image31.png"/><Relationship Id="rId2" Type="http://schemas.openxmlformats.org/officeDocument/2006/relationships/image" Target="../media/image30.png"/><Relationship Id="rId1" Type="http://schemas.openxmlformats.org/officeDocument/2006/relationships/slideLayout" Target="../slideLayouts/slideLayout14.xml"/><Relationship Id="rId5" Type="http://schemas.openxmlformats.org/officeDocument/2006/relationships/image" Target="../media/image33.png"/><Relationship Id="rId4" Type="http://schemas.openxmlformats.org/officeDocument/2006/relationships/image" Target="../media/image32.png"/></Relationships>
</file>

<file path=ppt/slides/_rels/slide18.xml.rels><?xml version="1.0" encoding="UTF-8" standalone="yes"?>
<Relationships xmlns="http://schemas.openxmlformats.org/package/2006/relationships"><Relationship Id="rId8" Type="http://schemas.openxmlformats.org/officeDocument/2006/relationships/image" Target="../media/image10.png"/><Relationship Id="rId3" Type="http://schemas.openxmlformats.org/officeDocument/2006/relationships/image" Target="../media/image8.png"/><Relationship Id="rId7" Type="http://schemas.openxmlformats.org/officeDocument/2006/relationships/image" Target="../media/image14.png"/><Relationship Id="rId2" Type="http://schemas.openxmlformats.org/officeDocument/2006/relationships/notesSlide" Target="../notesSlides/notesSlide9.xml"/><Relationship Id="rId1" Type="http://schemas.openxmlformats.org/officeDocument/2006/relationships/slideLayout" Target="../slideLayouts/slideLayout6.xml"/><Relationship Id="rId6" Type="http://schemas.openxmlformats.org/officeDocument/2006/relationships/image" Target="../media/image13.png"/><Relationship Id="rId5" Type="http://schemas.openxmlformats.org/officeDocument/2006/relationships/image" Target="../media/image34.png"/><Relationship Id="rId4" Type="http://schemas.openxmlformats.org/officeDocument/2006/relationships/image" Target="../media/image18.png"/><Relationship Id="rId9" Type="http://schemas.openxmlformats.org/officeDocument/2006/relationships/image" Target="../media/image9.png"/></Relationships>
</file>

<file path=ppt/slides/_rels/slide19.xml.rels><?xml version="1.0" encoding="UTF-8" standalone="yes"?>
<Relationships xmlns="http://schemas.openxmlformats.org/package/2006/relationships"><Relationship Id="rId3" Type="http://schemas.openxmlformats.org/officeDocument/2006/relationships/image" Target="../media/image35.jpeg"/><Relationship Id="rId2" Type="http://schemas.openxmlformats.org/officeDocument/2006/relationships/image" Target="../media/image10.png"/><Relationship Id="rId1" Type="http://schemas.openxmlformats.org/officeDocument/2006/relationships/slideLayout" Target="../slideLayouts/slideLayout6.xml"/><Relationship Id="rId5" Type="http://schemas.openxmlformats.org/officeDocument/2006/relationships/image" Target="../media/image36.png"/><Relationship Id="rId4" Type="http://schemas.openxmlformats.org/officeDocument/2006/relationships/image" Target="../media/image18.png"/></Relationships>
</file>

<file path=ppt/slides/_rels/slide2.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Layout" Target="../slideLayouts/slideLayout13.xml"/></Relationships>
</file>

<file path=ppt/slides/_rels/slide20.xml.rels><?xml version="1.0" encoding="UTF-8" standalone="yes"?>
<Relationships xmlns="http://schemas.openxmlformats.org/package/2006/relationships"><Relationship Id="rId3" Type="http://schemas.openxmlformats.org/officeDocument/2006/relationships/image" Target="../media/image34.png"/><Relationship Id="rId7" Type="http://schemas.openxmlformats.org/officeDocument/2006/relationships/image" Target="../media/image40.png"/><Relationship Id="rId2" Type="http://schemas.openxmlformats.org/officeDocument/2006/relationships/image" Target="../media/image18.png"/><Relationship Id="rId1" Type="http://schemas.openxmlformats.org/officeDocument/2006/relationships/slideLayout" Target="../slideLayouts/slideLayout6.xml"/><Relationship Id="rId6" Type="http://schemas.openxmlformats.org/officeDocument/2006/relationships/image" Target="../media/image39.jpeg"/><Relationship Id="rId5" Type="http://schemas.openxmlformats.org/officeDocument/2006/relationships/image" Target="../media/image38.png"/><Relationship Id="rId4" Type="http://schemas.openxmlformats.org/officeDocument/2006/relationships/image" Target="../media/image37.png"/></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22.xml.rels><?xml version="1.0" encoding="UTF-8" standalone="yes"?>
<Relationships xmlns="http://schemas.openxmlformats.org/package/2006/relationships"><Relationship Id="rId3" Type="http://schemas.openxmlformats.org/officeDocument/2006/relationships/image" Target="../media/image41.jpeg"/><Relationship Id="rId2" Type="http://schemas.openxmlformats.org/officeDocument/2006/relationships/image" Target="../media/image5.jpeg"/><Relationship Id="rId1" Type="http://schemas.openxmlformats.org/officeDocument/2006/relationships/slideLayout" Target="../slideLayouts/slideLayout13.xml"/><Relationship Id="rId4" Type="http://schemas.openxmlformats.org/officeDocument/2006/relationships/image" Target="../media/image42.jpeg"/></Relationships>
</file>

<file path=ppt/slides/_rels/slide23.xml.rels><?xml version="1.0" encoding="UTF-8" standalone="yes"?>
<Relationships xmlns="http://schemas.openxmlformats.org/package/2006/relationships"><Relationship Id="rId3" Type="http://schemas.openxmlformats.org/officeDocument/2006/relationships/hyperlink" Target="https://eur01.safelinks.protection.outlook.com/?url=https%3A%2F%2Fnature.us17.list-manage.com%2Ftrack%2Fclick%3Fu%3D2c6057c528fdc6f73fa196d9d%26id%3Dde302fa3ed%26e%3D888a550ad5&amp;data=05%7C02%7Cp.french%40erasmusmc.nl%7C80c51e2196ef40299f2308dd4c50802a%7C526638ba6af34b0fa532a1a511f4ac80%7C0%7C0%7C638750630807688341%7CUnknown%7CTWFpbGZsb3d8eyJFbXB0eU1hcGkiOnRydWUsIlYiOiIwLjAuMDAwMCIsIlAiOiJXaW4zMiIsIkFOIjoiTWFpbCIsIldUIjoyfQ%3D%3D%7C0%7C%7C%7C&amp;sdata=k2x6ZuaJer9%2F35bJ2de%2F3MmVUyyu0RXSxoH1Njdl3N8%3D&amp;reserved=0" TargetMode="External"/><Relationship Id="rId2" Type="http://schemas.openxmlformats.org/officeDocument/2006/relationships/hyperlink" Target="https://eur01.safelinks.protection.outlook.com/?url=https%3A%2F%2Fnature.us17.list-manage.com%2Ftrack%2Fclick%3Fu%3D2c6057c528fdc6f73fa196d9d%26id%3D30b23dd3a5%26e%3D888a550ad5&amp;data=05%7C02%7Cp.french%40erasmusmc.nl%7C80c51e2196ef40299f2308dd4c50802a%7C526638ba6af34b0fa532a1a511f4ac80%7C0%7C0%7C638750630807672680%7CUnknown%7CTWFpbGZsb3d8eyJFbXB0eU1hcGkiOnRydWUsIlYiOiIwLjAuMDAwMCIsIlAiOiJXaW4zMiIsIkFOIjoiTWFpbCIsIldUIjoyfQ%3D%3D%7C0%7C%7C%7C&amp;sdata=Q0arxJHWz2H9lPvTIfnqqfPtCB4S06bHHfJAHQgbDMg%3D&amp;reserved=0" TargetMode="External"/><Relationship Id="rId1" Type="http://schemas.openxmlformats.org/officeDocument/2006/relationships/slideLayout" Target="../slideLayouts/slideLayout14.xml"/><Relationship Id="rId4" Type="http://schemas.openxmlformats.org/officeDocument/2006/relationships/hyperlink" Target="https://eur01.safelinks.protection.outlook.com/?url=https%3A%2F%2Fnature.us17.list-manage.com%2Ftrack%2Fclick%3Fu%3D2c6057c528fdc6f73fa196d9d%26id%3D7dd484b902%26e%3D888a550ad5&amp;data=05%7C02%7Cp.french%40erasmusmc.nl%7C80c51e2196ef40299f2308dd4c50802a%7C526638ba6af34b0fa532a1a511f4ac80%7C0%7C0%7C638750630807703994%7CUnknown%7CTWFpbGZsb3d8eyJFbXB0eU1hcGkiOnRydWUsIlYiOiIwLjAuMDAwMCIsIlAiOiJXaW4zMiIsIkFOIjoiTWFpbCIsIldUIjoyfQ%3D%3D%7C0%7C%7C%7C&amp;sdata=BhPFiRQ1unel9CG0bBrofXTIVmonUnHYwWLBC%2FfGcsg%3D&amp;reserved=0" TargetMode="Externa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1.xml"/><Relationship Id="rId1" Type="http://schemas.openxmlformats.org/officeDocument/2006/relationships/slideLayout" Target="../slideLayouts/slideLayout14.xml"/></Relationships>
</file>

<file path=ppt/slides/_rels/slide4.xml.rels><?xml version="1.0" encoding="UTF-8" standalone="yes"?>
<Relationships xmlns="http://schemas.openxmlformats.org/package/2006/relationships"><Relationship Id="rId3" Type="http://schemas.openxmlformats.org/officeDocument/2006/relationships/image" Target="../media/image7.jpeg"/><Relationship Id="rId2" Type="http://schemas.openxmlformats.org/officeDocument/2006/relationships/image" Target="../media/image5.jpeg"/><Relationship Id="rId1" Type="http://schemas.openxmlformats.org/officeDocument/2006/relationships/slideLayout" Target="../slideLayouts/slideLayout13.xml"/></Relationships>
</file>

<file path=ppt/slides/_rels/slide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2.xml"/><Relationship Id="rId1" Type="http://schemas.openxmlformats.org/officeDocument/2006/relationships/slideLayout" Target="../slideLayouts/slideLayout6.xml"/><Relationship Id="rId4" Type="http://schemas.openxmlformats.org/officeDocument/2006/relationships/image" Target="../media/image9.png"/></Relationships>
</file>

<file path=ppt/slides/_rels/slide6.xml.rels><?xml version="1.0" encoding="UTF-8" standalone="yes"?>
<Relationships xmlns="http://schemas.openxmlformats.org/package/2006/relationships"><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notesSlide" Target="../notesSlides/notesSlide3.xml"/><Relationship Id="rId1" Type="http://schemas.openxmlformats.org/officeDocument/2006/relationships/slideLayout" Target="../slideLayouts/slideLayout6.xml"/><Relationship Id="rId6" Type="http://schemas.openxmlformats.org/officeDocument/2006/relationships/image" Target="../media/image11.png"/><Relationship Id="rId5" Type="http://schemas.openxmlformats.org/officeDocument/2006/relationships/image" Target="../media/image10.png"/><Relationship Id="rId4" Type="http://schemas.openxmlformats.org/officeDocument/2006/relationships/image" Target="../media/image9.png"/></Relationships>
</file>

<file path=ppt/slides/_rels/slide7.xml.rels><?xml version="1.0" encoding="UTF-8" standalone="yes"?>
<Relationships xmlns="http://schemas.openxmlformats.org/package/2006/relationships"><Relationship Id="rId8" Type="http://schemas.openxmlformats.org/officeDocument/2006/relationships/image" Target="../media/image16.png"/><Relationship Id="rId3" Type="http://schemas.openxmlformats.org/officeDocument/2006/relationships/image" Target="../media/image8.png"/><Relationship Id="rId7" Type="http://schemas.openxmlformats.org/officeDocument/2006/relationships/image" Target="../media/image15.png"/><Relationship Id="rId2" Type="http://schemas.openxmlformats.org/officeDocument/2006/relationships/notesSlide" Target="../notesSlides/notesSlide4.xml"/><Relationship Id="rId1" Type="http://schemas.openxmlformats.org/officeDocument/2006/relationships/slideLayout" Target="../slideLayouts/slideLayout6.xml"/><Relationship Id="rId6" Type="http://schemas.openxmlformats.org/officeDocument/2006/relationships/image" Target="../media/image14.png"/><Relationship Id="rId5" Type="http://schemas.openxmlformats.org/officeDocument/2006/relationships/image" Target="../media/image13.png"/><Relationship Id="rId4" Type="http://schemas.openxmlformats.org/officeDocument/2006/relationships/image" Target="../media/image9.png"/></Relationships>
</file>

<file path=ppt/slides/_rels/slide8.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5.xml"/><Relationship Id="rId1" Type="http://schemas.openxmlformats.org/officeDocument/2006/relationships/slideLayout" Target="../slideLayouts/slideLayout6.xml"/><Relationship Id="rId5" Type="http://schemas.openxmlformats.org/officeDocument/2006/relationships/image" Target="../media/image17.png"/><Relationship Id="rId4" Type="http://schemas.openxmlformats.org/officeDocument/2006/relationships/image" Target="../media/image9.png"/></Relationships>
</file>

<file path=ppt/slides/_rels/slide9.xml.rels><?xml version="1.0" encoding="UTF-8" standalone="yes"?>
<Relationships xmlns="http://schemas.openxmlformats.org/package/2006/relationships"><Relationship Id="rId2" Type="http://schemas.openxmlformats.org/officeDocument/2006/relationships/image" Target="../media/image18.png"/><Relationship Id="rId1" Type="http://schemas.openxmlformats.org/officeDocument/2006/relationships/slideLayout" Target="../slideLayouts/slideLayout1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90" name="2025_template publieksdag_01.jpg" descr="2025_template publieksdag_01.jpg"/>
          <p:cNvPicPr>
            <a:picLocks noChangeAspect="1"/>
          </p:cNvPicPr>
          <p:nvPr/>
        </p:nvPicPr>
        <p:blipFill>
          <a:blip r:embed="rId2"/>
          <a:stretch>
            <a:fillRect/>
          </a:stretch>
        </p:blipFill>
        <p:spPr>
          <a:xfrm>
            <a:off x="0" y="0"/>
            <a:ext cx="12192000" cy="6858000"/>
          </a:xfrm>
          <a:prstGeom prst="rect">
            <a:avLst/>
          </a:prstGeom>
          <a:ln w="12700">
            <a:miter lim="400000"/>
          </a:ln>
        </p:spPr>
      </p:pic>
      <p:sp>
        <p:nvSpPr>
          <p:cNvPr id="291" name="Rectangle 2"/>
          <p:cNvSpPr txBox="1"/>
          <p:nvPr/>
        </p:nvSpPr>
        <p:spPr>
          <a:xfrm>
            <a:off x="3539220" y="3683000"/>
            <a:ext cx="6664961" cy="561341"/>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45719" rIns="45719" anchor="b">
            <a:spAutoFit/>
          </a:bodyPr>
          <a:lstStyle>
            <a:lvl1pPr>
              <a:defRPr sz="3000">
                <a:solidFill>
                  <a:srgbClr val="FFFFFF"/>
                </a:solidFill>
                <a:latin typeface="Montserrat ExtraLight"/>
                <a:ea typeface="Montserrat ExtraLight"/>
                <a:cs typeface="Montserrat ExtraLight"/>
                <a:sym typeface="Montserrat ExtraLight"/>
              </a:defRPr>
            </a:lvl1pPr>
          </a:lstStyle>
          <a:p>
            <a:r>
              <a:t>Zaterdag 15 maart 2025</a:t>
            </a:r>
          </a:p>
        </p:txBody>
      </p:sp>
    </p:spTree>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21092A-C80C-8DCA-AC79-1BF37AC9A94A}"/>
            </a:ext>
          </a:extLst>
        </p:cNvPr>
        <p:cNvGrpSpPr/>
        <p:nvPr/>
      </p:nvGrpSpPr>
      <p:grpSpPr>
        <a:xfrm>
          <a:off x="0" y="0"/>
          <a:ext cx="0" cy="0"/>
          <a:chOff x="0" y="0"/>
          <a:chExt cx="0" cy="0"/>
        </a:xfrm>
      </p:grpSpPr>
      <p:sp>
        <p:nvSpPr>
          <p:cNvPr id="13" name="Rectangle: Rounded Corners 12">
            <a:extLst>
              <a:ext uri="{FF2B5EF4-FFF2-40B4-BE49-F238E27FC236}">
                <a16:creationId xmlns:a16="http://schemas.microsoft.com/office/drawing/2014/main" id="{8B08B006-1437-7762-5EFC-E774387DC85E}"/>
              </a:ext>
            </a:extLst>
          </p:cNvPr>
          <p:cNvSpPr/>
          <p:nvPr/>
        </p:nvSpPr>
        <p:spPr>
          <a:xfrm>
            <a:off x="9248316" y="1312903"/>
            <a:ext cx="1223864" cy="515608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9" name="Rectangle: Rounded Corners 8">
            <a:extLst>
              <a:ext uri="{FF2B5EF4-FFF2-40B4-BE49-F238E27FC236}">
                <a16:creationId xmlns:a16="http://schemas.microsoft.com/office/drawing/2014/main" id="{EEDB5901-EA37-9A63-13A6-18660A3D7C81}"/>
              </a:ext>
            </a:extLst>
          </p:cNvPr>
          <p:cNvSpPr/>
          <p:nvPr/>
        </p:nvSpPr>
        <p:spPr>
          <a:xfrm>
            <a:off x="2697591" y="1312903"/>
            <a:ext cx="6245412" cy="515608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1" name="Rectangle 10">
            <a:extLst>
              <a:ext uri="{FF2B5EF4-FFF2-40B4-BE49-F238E27FC236}">
                <a16:creationId xmlns:a16="http://schemas.microsoft.com/office/drawing/2014/main" id="{AD1ACAD3-CA5F-50A2-E5F0-5D3D3DFC84A5}"/>
              </a:ext>
            </a:extLst>
          </p:cNvPr>
          <p:cNvSpPr/>
          <p:nvPr/>
        </p:nvSpPr>
        <p:spPr>
          <a:xfrm>
            <a:off x="3357348" y="1762094"/>
            <a:ext cx="4854812" cy="437200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pic>
        <p:nvPicPr>
          <p:cNvPr id="8" name="Picture 7">
            <a:extLst>
              <a:ext uri="{FF2B5EF4-FFF2-40B4-BE49-F238E27FC236}">
                <a16:creationId xmlns:a16="http://schemas.microsoft.com/office/drawing/2014/main" id="{4ADB6CED-220D-9614-BBA5-DCBCB15F459A}"/>
              </a:ext>
            </a:extLst>
          </p:cNvPr>
          <p:cNvPicPr>
            <a:picLocks noChangeAspect="1"/>
          </p:cNvPicPr>
          <p:nvPr/>
        </p:nvPicPr>
        <p:blipFill>
          <a:blip r:embed="rId2"/>
          <a:stretch>
            <a:fillRect/>
          </a:stretch>
        </p:blipFill>
        <p:spPr>
          <a:xfrm>
            <a:off x="3434423" y="1762094"/>
            <a:ext cx="2943247" cy="4257706"/>
          </a:xfrm>
          <a:prstGeom prst="rect">
            <a:avLst/>
          </a:prstGeom>
        </p:spPr>
      </p:pic>
      <p:pic>
        <p:nvPicPr>
          <p:cNvPr id="2050" name="Picture 2" descr="Figure 2.1">
            <a:extLst>
              <a:ext uri="{FF2B5EF4-FFF2-40B4-BE49-F238E27FC236}">
                <a16:creationId xmlns:a16="http://schemas.microsoft.com/office/drawing/2014/main" id="{AA7C6FD9-1695-0B4F-CD27-63BB6E6BB0B2}"/>
              </a:ext>
            </a:extLst>
          </p:cNvPr>
          <p:cNvPicPr>
            <a:picLocks noGrp="1" noChangeAspect="1" noChangeArrowheads="1"/>
          </p:cNvPicPr>
          <p:nvPr>
            <p:ph idx="1"/>
          </p:nvPr>
        </p:nvPicPr>
        <p:blipFill>
          <a:blip r:embed="rId3">
            <a:alphaModFix/>
            <a:extLst>
              <a:ext uri="{28A0092B-C50C-407E-A947-70E740481C1C}">
                <a14:useLocalDpi xmlns:a14="http://schemas.microsoft.com/office/drawing/2010/main" val="0"/>
              </a:ext>
            </a:extLst>
          </a:blip>
          <a:srcRect/>
          <a:stretch>
            <a:fillRect/>
          </a:stretch>
        </p:blipFill>
        <p:spPr bwMode="auto">
          <a:xfrm>
            <a:off x="3801133" y="1943103"/>
            <a:ext cx="4411027" cy="4191000"/>
          </a:xfrm>
          <a:prstGeom prst="rect">
            <a:avLst/>
          </a:prstGeom>
          <a:noFill/>
          <a:extLst>
            <a:ext uri="{909E8E84-426E-40DD-AFC4-6F175D3DCCD1}">
              <a14:hiddenFill xmlns:a14="http://schemas.microsoft.com/office/drawing/2010/main">
                <a:solidFill>
                  <a:srgbClr val="FFFFFF"/>
                </a:solidFill>
              </a14:hiddenFill>
            </a:ext>
          </a:extLst>
        </p:spPr>
      </p:pic>
      <p:pic>
        <p:nvPicPr>
          <p:cNvPr id="1026" name="Picture 2" descr="Green Traffic Lights">
            <a:extLst>
              <a:ext uri="{FF2B5EF4-FFF2-40B4-BE49-F238E27FC236}">
                <a16:creationId xmlns:a16="http://schemas.microsoft.com/office/drawing/2014/main" id="{24E80BBC-4513-6AA3-298B-D8AA959AD08D}"/>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4574" r="64945"/>
          <a:stretch/>
        </p:blipFill>
        <p:spPr bwMode="auto">
          <a:xfrm>
            <a:off x="9348807" y="1477462"/>
            <a:ext cx="972178" cy="2395609"/>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2" descr="Green Traffic Lights">
            <a:extLst>
              <a:ext uri="{FF2B5EF4-FFF2-40B4-BE49-F238E27FC236}">
                <a16:creationId xmlns:a16="http://schemas.microsoft.com/office/drawing/2014/main" id="{14C3AC01-EFFD-AB4C-E810-63FDD9A69D35}"/>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64381" r="4786"/>
          <a:stretch/>
        </p:blipFill>
        <p:spPr bwMode="auto">
          <a:xfrm>
            <a:off x="9386788" y="3973226"/>
            <a:ext cx="983378" cy="2395609"/>
          </a:xfrm>
          <a:prstGeom prst="rect">
            <a:avLst/>
          </a:prstGeom>
          <a:noFill/>
          <a:extLst>
            <a:ext uri="{909E8E84-426E-40DD-AFC4-6F175D3DCCD1}">
              <a14:hiddenFill xmlns:a14="http://schemas.microsoft.com/office/drawing/2010/main">
                <a:solidFill>
                  <a:srgbClr val="FFFFFF"/>
                </a:solidFill>
              </a14:hiddenFill>
            </a:ext>
          </a:extLst>
        </p:spPr>
      </p:pic>
      <p:pic>
        <p:nvPicPr>
          <p:cNvPr id="15" name="Picture 14">
            <a:extLst>
              <a:ext uri="{FF2B5EF4-FFF2-40B4-BE49-F238E27FC236}">
                <a16:creationId xmlns:a16="http://schemas.microsoft.com/office/drawing/2014/main" id="{036B9BA5-005C-E4CF-ED11-DEF7DE12AE6E}"/>
              </a:ext>
            </a:extLst>
          </p:cNvPr>
          <p:cNvPicPr>
            <a:picLocks noChangeAspect="1"/>
          </p:cNvPicPr>
          <p:nvPr/>
        </p:nvPicPr>
        <p:blipFill rotWithShape="1">
          <a:blip r:embed="rId5"/>
          <a:srcRect b="3011"/>
          <a:stretch/>
        </p:blipFill>
        <p:spPr>
          <a:xfrm>
            <a:off x="9323650" y="2374772"/>
            <a:ext cx="1022491" cy="2941031"/>
          </a:xfrm>
          <a:prstGeom prst="rect">
            <a:avLst/>
          </a:prstGeom>
        </p:spPr>
      </p:pic>
      <p:sp>
        <p:nvSpPr>
          <p:cNvPr id="10" name="Title 1">
            <a:extLst>
              <a:ext uri="{FF2B5EF4-FFF2-40B4-BE49-F238E27FC236}">
                <a16:creationId xmlns:a16="http://schemas.microsoft.com/office/drawing/2014/main" id="{6F970E52-FDCB-A143-41F7-0B64D4DB5713}"/>
              </a:ext>
            </a:extLst>
          </p:cNvPr>
          <p:cNvSpPr>
            <a:spLocks noGrp="1"/>
          </p:cNvSpPr>
          <p:nvPr>
            <p:ph type="title"/>
          </p:nvPr>
        </p:nvSpPr>
        <p:spPr>
          <a:xfrm>
            <a:off x="631825" y="365126"/>
            <a:ext cx="10209211" cy="648000"/>
          </a:xfrm>
        </p:spPr>
        <p:txBody>
          <a:bodyPr/>
          <a:lstStyle/>
          <a:p>
            <a:r>
              <a:rPr lang="en-GB"/>
              <a:t>Precision medicine</a:t>
            </a:r>
            <a:endParaRPr lang="en-NL"/>
          </a:p>
        </p:txBody>
      </p:sp>
      <p:pic>
        <p:nvPicPr>
          <p:cNvPr id="2" name="Picture 1">
            <a:extLst>
              <a:ext uri="{FF2B5EF4-FFF2-40B4-BE49-F238E27FC236}">
                <a16:creationId xmlns:a16="http://schemas.microsoft.com/office/drawing/2014/main" id="{D5134A37-612E-EBF2-500B-5D62E57CA598}"/>
              </a:ext>
            </a:extLst>
          </p:cNvPr>
          <p:cNvPicPr>
            <a:picLocks noChangeAspect="1"/>
          </p:cNvPicPr>
          <p:nvPr/>
        </p:nvPicPr>
        <p:blipFill>
          <a:blip r:embed="rId6"/>
          <a:stretch>
            <a:fillRect/>
          </a:stretch>
        </p:blipFill>
        <p:spPr>
          <a:xfrm>
            <a:off x="915877" y="1431510"/>
            <a:ext cx="1619262" cy="1685937"/>
          </a:xfrm>
          <a:prstGeom prst="rect">
            <a:avLst/>
          </a:prstGeom>
        </p:spPr>
      </p:pic>
    </p:spTree>
    <p:extLst>
      <p:ext uri="{BB962C8B-B14F-4D97-AF65-F5344CB8AC3E}">
        <p14:creationId xmlns:p14="http://schemas.microsoft.com/office/powerpoint/2010/main" val="11017891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1026"/>
                                        </p:tgtEl>
                                        <p:attrNameLst>
                                          <p:attrName>style.visibility</p:attrName>
                                        </p:attrNameLst>
                                      </p:cBhvr>
                                      <p:to>
                                        <p:strVal val="visible"/>
                                      </p:to>
                                    </p:set>
                                    <p:animEffect transition="in" filter="fade">
                                      <p:cBhvr>
                                        <p:cTn id="7" dur="500"/>
                                        <p:tgtEl>
                                          <p:spTgt spid="1026"/>
                                        </p:tgtEl>
                                      </p:cBhvr>
                                    </p:animEffect>
                                  </p:childTnLst>
                                </p:cTn>
                              </p:par>
                            </p:childTnLst>
                          </p:cTn>
                        </p:par>
                        <p:par>
                          <p:cTn id="8" fill="hold">
                            <p:stCondLst>
                              <p:cond delay="2000"/>
                            </p:stCondLst>
                            <p:childTnLst>
                              <p:par>
                                <p:cTn id="9" presetID="10" presetClass="entr" presetSubtype="0" fill="hold" nodeType="afterEffect">
                                  <p:stCondLst>
                                    <p:cond delay="0"/>
                                  </p:stCondLst>
                                  <p:childTnLst>
                                    <p:set>
                                      <p:cBhvr>
                                        <p:cTn id="10" dur="1" fill="hold">
                                          <p:stCondLst>
                                            <p:cond delay="0"/>
                                          </p:stCondLst>
                                        </p:cTn>
                                        <p:tgtEl>
                                          <p:spTgt spid="12"/>
                                        </p:tgtEl>
                                        <p:attrNameLst>
                                          <p:attrName>style.visibility</p:attrName>
                                        </p:attrNameLst>
                                      </p:cBhvr>
                                      <p:to>
                                        <p:strVal val="visible"/>
                                      </p:to>
                                    </p:set>
                                    <p:animEffect transition="in" filter="fade">
                                      <p:cBhvr>
                                        <p:cTn id="11" dur="500"/>
                                        <p:tgtEl>
                                          <p:spTgt spid="12"/>
                                        </p:tgtEl>
                                      </p:cBhvr>
                                    </p:animEffect>
                                  </p:childTnLst>
                                </p:cTn>
                              </p:par>
                            </p:childTnLst>
                          </p:cTn>
                        </p:par>
                      </p:childTnLst>
                    </p:cTn>
                  </p:par>
                  <p:par>
                    <p:cTn id="12" fill="hold">
                      <p:stCondLst>
                        <p:cond delay="indefinite"/>
                      </p:stCondLst>
                      <p:childTnLst>
                        <p:par>
                          <p:cTn id="13" fill="hold">
                            <p:stCondLst>
                              <p:cond delay="0"/>
                            </p:stCondLst>
                            <p:childTnLst>
                              <p:par>
                                <p:cTn id="14" presetID="10" presetClass="exit" presetSubtype="0" fill="hold" nodeType="clickEffect">
                                  <p:stCondLst>
                                    <p:cond delay="0"/>
                                  </p:stCondLst>
                                  <p:childTnLst>
                                    <p:animEffect transition="out" filter="fade">
                                      <p:cBhvr>
                                        <p:cTn id="15" dur="500"/>
                                        <p:tgtEl>
                                          <p:spTgt spid="12"/>
                                        </p:tgtEl>
                                      </p:cBhvr>
                                    </p:animEffect>
                                    <p:set>
                                      <p:cBhvr>
                                        <p:cTn id="16" dur="1" fill="hold">
                                          <p:stCondLst>
                                            <p:cond delay="499"/>
                                          </p:stCondLst>
                                        </p:cTn>
                                        <p:tgtEl>
                                          <p:spTgt spid="12"/>
                                        </p:tgtEl>
                                        <p:attrNameLst>
                                          <p:attrName>style.visibility</p:attrName>
                                        </p:attrNameLst>
                                      </p:cBhvr>
                                      <p:to>
                                        <p:strVal val="hidden"/>
                                      </p:to>
                                    </p:set>
                                  </p:childTnLst>
                                </p:cTn>
                              </p:par>
                            </p:childTnLst>
                          </p:cTn>
                        </p:par>
                        <p:par>
                          <p:cTn id="17" fill="hold">
                            <p:stCondLst>
                              <p:cond delay="500"/>
                            </p:stCondLst>
                            <p:childTnLst>
                              <p:par>
                                <p:cTn id="18" presetID="10" presetClass="exit" presetSubtype="0" fill="hold" nodeType="afterEffect">
                                  <p:stCondLst>
                                    <p:cond delay="0"/>
                                  </p:stCondLst>
                                  <p:childTnLst>
                                    <p:animEffect transition="out" filter="fade">
                                      <p:cBhvr>
                                        <p:cTn id="19" dur="500"/>
                                        <p:tgtEl>
                                          <p:spTgt spid="1026"/>
                                        </p:tgtEl>
                                      </p:cBhvr>
                                    </p:animEffect>
                                    <p:set>
                                      <p:cBhvr>
                                        <p:cTn id="20" dur="1" fill="hold">
                                          <p:stCondLst>
                                            <p:cond delay="499"/>
                                          </p:stCondLst>
                                        </p:cTn>
                                        <p:tgtEl>
                                          <p:spTgt spid="1026"/>
                                        </p:tgtEl>
                                        <p:attrNameLst>
                                          <p:attrName>style.visibility</p:attrName>
                                        </p:attrNameLst>
                                      </p:cBhvr>
                                      <p:to>
                                        <p:strVal val="hidden"/>
                                      </p:to>
                                    </p:set>
                                  </p:childTnLst>
                                </p:cTn>
                              </p:par>
                            </p:childTnLst>
                          </p:cTn>
                        </p:par>
                        <p:par>
                          <p:cTn id="21" fill="hold">
                            <p:stCondLst>
                              <p:cond delay="1000"/>
                            </p:stCondLst>
                            <p:childTnLst>
                              <p:par>
                                <p:cTn id="22" presetID="10" presetClass="entr" presetSubtype="0" fill="hold" nodeType="afterEffect">
                                  <p:stCondLst>
                                    <p:cond delay="0"/>
                                  </p:stCondLst>
                                  <p:childTnLst>
                                    <p:set>
                                      <p:cBhvr>
                                        <p:cTn id="23" dur="1" fill="hold">
                                          <p:stCondLst>
                                            <p:cond delay="0"/>
                                          </p:stCondLst>
                                        </p:cTn>
                                        <p:tgtEl>
                                          <p:spTgt spid="2050"/>
                                        </p:tgtEl>
                                        <p:attrNameLst>
                                          <p:attrName>style.visibility</p:attrName>
                                        </p:attrNameLst>
                                      </p:cBhvr>
                                      <p:to>
                                        <p:strVal val="visible"/>
                                      </p:to>
                                    </p:set>
                                    <p:animEffect transition="in" filter="fade">
                                      <p:cBhvr>
                                        <p:cTn id="24" dur="500"/>
                                        <p:tgtEl>
                                          <p:spTgt spid="2050"/>
                                        </p:tgtEl>
                                      </p:cBhvr>
                                    </p:animEffect>
                                  </p:childTnLst>
                                </p:cTn>
                              </p:par>
                            </p:childTnLst>
                          </p:cTn>
                        </p:par>
                        <p:par>
                          <p:cTn id="25" fill="hold">
                            <p:stCondLst>
                              <p:cond delay="1500"/>
                            </p:stCondLst>
                            <p:childTnLst>
                              <p:par>
                                <p:cTn id="26" presetID="10" presetClass="entr" presetSubtype="0" fill="hold" nodeType="afterEffect">
                                  <p:stCondLst>
                                    <p:cond delay="500"/>
                                  </p:stCondLst>
                                  <p:childTnLst>
                                    <p:set>
                                      <p:cBhvr>
                                        <p:cTn id="27" dur="1" fill="hold">
                                          <p:stCondLst>
                                            <p:cond delay="0"/>
                                          </p:stCondLst>
                                        </p:cTn>
                                        <p:tgtEl>
                                          <p:spTgt spid="15"/>
                                        </p:tgtEl>
                                        <p:attrNameLst>
                                          <p:attrName>style.visibility</p:attrName>
                                        </p:attrNameLst>
                                      </p:cBhvr>
                                      <p:to>
                                        <p:strVal val="visible"/>
                                      </p:to>
                                    </p:set>
                                    <p:animEffect transition="in" filter="fade">
                                      <p:cBhvr>
                                        <p:cTn id="28" dur="500"/>
                                        <p:tgtEl>
                                          <p:spTgt spid="1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Rounded Corners 2">
            <a:extLst>
              <a:ext uri="{FF2B5EF4-FFF2-40B4-BE49-F238E27FC236}">
                <a16:creationId xmlns:a16="http://schemas.microsoft.com/office/drawing/2014/main" id="{4804ABAD-96E0-6AD5-38B2-CC8C866B435D}"/>
              </a:ext>
            </a:extLst>
          </p:cNvPr>
          <p:cNvSpPr/>
          <p:nvPr/>
        </p:nvSpPr>
        <p:spPr>
          <a:xfrm>
            <a:off x="1602186" y="1801503"/>
            <a:ext cx="8019485" cy="4810836"/>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4" name="Rectangle 13">
            <a:extLst>
              <a:ext uri="{FF2B5EF4-FFF2-40B4-BE49-F238E27FC236}">
                <a16:creationId xmlns:a16="http://schemas.microsoft.com/office/drawing/2014/main" id="{721F1AE7-EA66-2362-2405-7CC2CB9989BE}"/>
              </a:ext>
            </a:extLst>
          </p:cNvPr>
          <p:cNvSpPr/>
          <p:nvPr/>
        </p:nvSpPr>
        <p:spPr>
          <a:xfrm>
            <a:off x="1897039" y="2002681"/>
            <a:ext cx="7451677" cy="4490193"/>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pic>
        <p:nvPicPr>
          <p:cNvPr id="7" name="Picture 6">
            <a:extLst>
              <a:ext uri="{FF2B5EF4-FFF2-40B4-BE49-F238E27FC236}">
                <a16:creationId xmlns:a16="http://schemas.microsoft.com/office/drawing/2014/main" id="{93274077-7889-1DA4-B53F-CEDEC26FE609}"/>
              </a:ext>
            </a:extLst>
          </p:cNvPr>
          <p:cNvPicPr>
            <a:picLocks noChangeAspect="1"/>
          </p:cNvPicPr>
          <p:nvPr/>
        </p:nvPicPr>
        <p:blipFill>
          <a:blip r:embed="rId2"/>
          <a:stretch>
            <a:fillRect/>
          </a:stretch>
        </p:blipFill>
        <p:spPr>
          <a:xfrm>
            <a:off x="2295190" y="3267199"/>
            <a:ext cx="3134289" cy="3010771"/>
          </a:xfrm>
          <a:prstGeom prst="rect">
            <a:avLst/>
          </a:prstGeom>
        </p:spPr>
      </p:pic>
      <p:sp>
        <p:nvSpPr>
          <p:cNvPr id="2" name="Title 1"/>
          <p:cNvSpPr>
            <a:spLocks noGrp="1"/>
          </p:cNvSpPr>
          <p:nvPr>
            <p:ph type="title"/>
          </p:nvPr>
        </p:nvSpPr>
        <p:spPr/>
        <p:txBody>
          <a:bodyPr>
            <a:normAutofit fontScale="90000"/>
          </a:bodyPr>
          <a:lstStyle/>
          <a:p>
            <a:r>
              <a:rPr lang="nl-NL"/>
              <a:t>Waarom blijven kankercellen delen?</a:t>
            </a:r>
            <a:endParaRPr lang="en-US"/>
          </a:p>
        </p:txBody>
      </p:sp>
      <p:sp>
        <p:nvSpPr>
          <p:cNvPr id="8" name="Freeform 7"/>
          <p:cNvSpPr/>
          <p:nvPr/>
        </p:nvSpPr>
        <p:spPr bwMode="auto">
          <a:xfrm>
            <a:off x="3561635" y="2829409"/>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9" name="Freeform 8"/>
          <p:cNvSpPr/>
          <p:nvPr/>
        </p:nvSpPr>
        <p:spPr bwMode="auto">
          <a:xfrm>
            <a:off x="2409508" y="2048523"/>
            <a:ext cx="374125" cy="323491"/>
          </a:xfrm>
          <a:custGeom>
            <a:avLst/>
            <a:gdLst>
              <a:gd name="connsiteX0" fmla="*/ 452 w 380014"/>
              <a:gd name="connsiteY0" fmla="*/ 172529 h 646982"/>
              <a:gd name="connsiteX1" fmla="*/ 452 w 380014"/>
              <a:gd name="connsiteY1" fmla="*/ 172529 h 646982"/>
              <a:gd name="connsiteX2" fmla="*/ 34958 w 380014"/>
              <a:gd name="connsiteY2" fmla="*/ 465827 h 646982"/>
              <a:gd name="connsiteX3" fmla="*/ 52211 w 380014"/>
              <a:gd name="connsiteY3" fmla="*/ 500333 h 646982"/>
              <a:gd name="connsiteX4" fmla="*/ 95343 w 380014"/>
              <a:gd name="connsiteY4" fmla="*/ 577970 h 646982"/>
              <a:gd name="connsiteX5" fmla="*/ 121222 w 380014"/>
              <a:gd name="connsiteY5" fmla="*/ 595223 h 646982"/>
              <a:gd name="connsiteX6" fmla="*/ 138475 w 380014"/>
              <a:gd name="connsiteY6" fmla="*/ 621102 h 646982"/>
              <a:gd name="connsiteX7" fmla="*/ 164354 w 380014"/>
              <a:gd name="connsiteY7" fmla="*/ 629729 h 646982"/>
              <a:gd name="connsiteX8" fmla="*/ 190233 w 380014"/>
              <a:gd name="connsiteY8" fmla="*/ 646982 h 646982"/>
              <a:gd name="connsiteX9" fmla="*/ 241992 w 380014"/>
              <a:gd name="connsiteY9" fmla="*/ 638355 h 646982"/>
              <a:gd name="connsiteX10" fmla="*/ 259245 w 380014"/>
              <a:gd name="connsiteY10" fmla="*/ 612476 h 646982"/>
              <a:gd name="connsiteX11" fmla="*/ 267871 w 380014"/>
              <a:gd name="connsiteY11" fmla="*/ 465827 h 646982"/>
              <a:gd name="connsiteX12" fmla="*/ 302377 w 380014"/>
              <a:gd name="connsiteY12" fmla="*/ 388189 h 646982"/>
              <a:gd name="connsiteX13" fmla="*/ 336882 w 380014"/>
              <a:gd name="connsiteY13" fmla="*/ 345057 h 646982"/>
              <a:gd name="connsiteX14" fmla="*/ 354135 w 380014"/>
              <a:gd name="connsiteY14" fmla="*/ 319178 h 646982"/>
              <a:gd name="connsiteX15" fmla="*/ 380014 w 380014"/>
              <a:gd name="connsiteY15" fmla="*/ 284672 h 646982"/>
              <a:gd name="connsiteX16" fmla="*/ 371388 w 380014"/>
              <a:gd name="connsiteY16" fmla="*/ 112144 h 646982"/>
              <a:gd name="connsiteX17" fmla="*/ 362762 w 380014"/>
              <a:gd name="connsiteY17" fmla="*/ 69012 h 646982"/>
              <a:gd name="connsiteX18" fmla="*/ 336882 w 380014"/>
              <a:gd name="connsiteY18" fmla="*/ 51759 h 646982"/>
              <a:gd name="connsiteX19" fmla="*/ 302377 w 380014"/>
              <a:gd name="connsiteY19" fmla="*/ 60385 h 646982"/>
              <a:gd name="connsiteX20" fmla="*/ 276497 w 380014"/>
              <a:gd name="connsiteY20" fmla="*/ 86265 h 646982"/>
              <a:gd name="connsiteX21" fmla="*/ 241992 w 380014"/>
              <a:gd name="connsiteY21" fmla="*/ 103517 h 646982"/>
              <a:gd name="connsiteX22" fmla="*/ 121222 w 380014"/>
              <a:gd name="connsiteY22" fmla="*/ 86265 h 646982"/>
              <a:gd name="connsiteX23" fmla="*/ 112596 w 380014"/>
              <a:gd name="connsiteY23" fmla="*/ 60385 h 646982"/>
              <a:gd name="connsiteX24" fmla="*/ 86716 w 380014"/>
              <a:gd name="connsiteY24" fmla="*/ 34506 h 646982"/>
              <a:gd name="connsiteX25" fmla="*/ 69463 w 380014"/>
              <a:gd name="connsiteY25" fmla="*/ 0 h 646982"/>
              <a:gd name="connsiteX26" fmla="*/ 60837 w 380014"/>
              <a:gd name="connsiteY26" fmla="*/ 34506 h 646982"/>
              <a:gd name="connsiteX27" fmla="*/ 17705 w 380014"/>
              <a:gd name="connsiteY27" fmla="*/ 77638 h 646982"/>
              <a:gd name="connsiteX28" fmla="*/ 452 w 380014"/>
              <a:gd name="connsiteY28" fmla="*/ 172529 h 6469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380014" h="646982">
                <a:moveTo>
                  <a:pt x="452" y="172529"/>
                </a:moveTo>
                <a:lnTo>
                  <a:pt x="452" y="172529"/>
                </a:lnTo>
                <a:cubicBezTo>
                  <a:pt x="10745" y="316636"/>
                  <a:pt x="-5960" y="363531"/>
                  <a:pt x="34958" y="465827"/>
                </a:cubicBezTo>
                <a:cubicBezTo>
                  <a:pt x="39734" y="477767"/>
                  <a:pt x="47435" y="488393"/>
                  <a:pt x="52211" y="500333"/>
                </a:cubicBezTo>
                <a:cubicBezTo>
                  <a:pt x="73881" y="554508"/>
                  <a:pt x="56228" y="545374"/>
                  <a:pt x="95343" y="577970"/>
                </a:cubicBezTo>
                <a:cubicBezTo>
                  <a:pt x="103308" y="584607"/>
                  <a:pt x="112596" y="589472"/>
                  <a:pt x="121222" y="595223"/>
                </a:cubicBezTo>
                <a:cubicBezTo>
                  <a:pt x="126973" y="603849"/>
                  <a:pt x="130379" y="614625"/>
                  <a:pt x="138475" y="621102"/>
                </a:cubicBezTo>
                <a:cubicBezTo>
                  <a:pt x="145575" y="626782"/>
                  <a:pt x="156221" y="625662"/>
                  <a:pt x="164354" y="629729"/>
                </a:cubicBezTo>
                <a:cubicBezTo>
                  <a:pt x="173627" y="634366"/>
                  <a:pt x="181607" y="641231"/>
                  <a:pt x="190233" y="646982"/>
                </a:cubicBezTo>
                <a:cubicBezTo>
                  <a:pt x="207486" y="644106"/>
                  <a:pt x="226348" y="646177"/>
                  <a:pt x="241992" y="638355"/>
                </a:cubicBezTo>
                <a:cubicBezTo>
                  <a:pt x="251265" y="633718"/>
                  <a:pt x="257707" y="622729"/>
                  <a:pt x="259245" y="612476"/>
                </a:cubicBezTo>
                <a:cubicBezTo>
                  <a:pt x="266509" y="564050"/>
                  <a:pt x="261538" y="514383"/>
                  <a:pt x="267871" y="465827"/>
                </a:cubicBezTo>
                <a:cubicBezTo>
                  <a:pt x="272865" y="427538"/>
                  <a:pt x="283893" y="415914"/>
                  <a:pt x="302377" y="388189"/>
                </a:cubicBezTo>
                <a:cubicBezTo>
                  <a:pt x="319170" y="337809"/>
                  <a:pt x="297864" y="384075"/>
                  <a:pt x="336882" y="345057"/>
                </a:cubicBezTo>
                <a:cubicBezTo>
                  <a:pt x="344213" y="337726"/>
                  <a:pt x="348109" y="327614"/>
                  <a:pt x="354135" y="319178"/>
                </a:cubicBezTo>
                <a:cubicBezTo>
                  <a:pt x="362492" y="307479"/>
                  <a:pt x="371388" y="296174"/>
                  <a:pt x="380014" y="284672"/>
                </a:cubicBezTo>
                <a:cubicBezTo>
                  <a:pt x="377139" y="227163"/>
                  <a:pt x="375980" y="169542"/>
                  <a:pt x="371388" y="112144"/>
                </a:cubicBezTo>
                <a:cubicBezTo>
                  <a:pt x="370219" y="97529"/>
                  <a:pt x="370036" y="81742"/>
                  <a:pt x="362762" y="69012"/>
                </a:cubicBezTo>
                <a:cubicBezTo>
                  <a:pt x="357618" y="60010"/>
                  <a:pt x="345509" y="57510"/>
                  <a:pt x="336882" y="51759"/>
                </a:cubicBezTo>
                <a:cubicBezTo>
                  <a:pt x="325380" y="54634"/>
                  <a:pt x="312671" y="54503"/>
                  <a:pt x="302377" y="60385"/>
                </a:cubicBezTo>
                <a:cubicBezTo>
                  <a:pt x="291784" y="66438"/>
                  <a:pt x="286425" y="79174"/>
                  <a:pt x="276497" y="86265"/>
                </a:cubicBezTo>
                <a:cubicBezTo>
                  <a:pt x="266033" y="93739"/>
                  <a:pt x="253494" y="97766"/>
                  <a:pt x="241992" y="103517"/>
                </a:cubicBezTo>
                <a:cubicBezTo>
                  <a:pt x="201735" y="97766"/>
                  <a:pt x="159801" y="99125"/>
                  <a:pt x="121222" y="86265"/>
                </a:cubicBezTo>
                <a:cubicBezTo>
                  <a:pt x="112595" y="83389"/>
                  <a:pt x="117640" y="67951"/>
                  <a:pt x="112596" y="60385"/>
                </a:cubicBezTo>
                <a:cubicBezTo>
                  <a:pt x="105829" y="50234"/>
                  <a:pt x="95343" y="43132"/>
                  <a:pt x="86716" y="34506"/>
                </a:cubicBezTo>
                <a:cubicBezTo>
                  <a:pt x="80965" y="23004"/>
                  <a:pt x="82323" y="0"/>
                  <a:pt x="69463" y="0"/>
                </a:cubicBezTo>
                <a:cubicBezTo>
                  <a:pt x="57607" y="0"/>
                  <a:pt x="65507" y="23609"/>
                  <a:pt x="60837" y="34506"/>
                </a:cubicBezTo>
                <a:cubicBezTo>
                  <a:pt x="49336" y="61343"/>
                  <a:pt x="40708" y="62303"/>
                  <a:pt x="17705" y="77638"/>
                </a:cubicBezTo>
                <a:cubicBezTo>
                  <a:pt x="-9118" y="117872"/>
                  <a:pt x="3327" y="156714"/>
                  <a:pt x="452" y="172529"/>
                </a:cubicBezTo>
                <a:close/>
              </a:path>
            </a:pathLst>
          </a:custGeom>
          <a:solidFill>
            <a:schemeClr val="accent2">
              <a:lumMod val="60000"/>
              <a:lumOff val="4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10" name="TextBox 9"/>
          <p:cNvSpPr txBox="1"/>
          <p:nvPr/>
        </p:nvSpPr>
        <p:spPr>
          <a:xfrm>
            <a:off x="1946007" y="2388526"/>
            <a:ext cx="1301125" cy="369332"/>
          </a:xfrm>
          <a:prstGeom prst="rect">
            <a:avLst/>
          </a:prstGeom>
          <a:noFill/>
        </p:spPr>
        <p:txBody>
          <a:bodyPr wrap="none" rtlCol="0">
            <a:spAutoFit/>
          </a:bodyPr>
          <a:lstStyle/>
          <a:p>
            <a:r>
              <a:rPr lang="nl-NL"/>
              <a:t>Groei factor</a:t>
            </a:r>
            <a:endParaRPr lang="en-US"/>
          </a:p>
        </p:txBody>
      </p:sp>
      <p:sp>
        <p:nvSpPr>
          <p:cNvPr id="11" name="TextBox 10"/>
          <p:cNvSpPr txBox="1"/>
          <p:nvPr/>
        </p:nvSpPr>
        <p:spPr>
          <a:xfrm>
            <a:off x="4049930" y="2981944"/>
            <a:ext cx="1031757" cy="369332"/>
          </a:xfrm>
          <a:prstGeom prst="rect">
            <a:avLst/>
          </a:prstGeom>
          <a:noFill/>
        </p:spPr>
        <p:txBody>
          <a:bodyPr wrap="none" rtlCol="0">
            <a:spAutoFit/>
          </a:bodyPr>
          <a:lstStyle/>
          <a:p>
            <a:r>
              <a:rPr lang="nl-NL"/>
              <a:t>Receptor</a:t>
            </a:r>
            <a:endParaRPr lang="en-US"/>
          </a:p>
        </p:txBody>
      </p:sp>
      <p:sp>
        <p:nvSpPr>
          <p:cNvPr id="15" name="Down Arrow 14"/>
          <p:cNvSpPr/>
          <p:nvPr/>
        </p:nvSpPr>
        <p:spPr bwMode="auto">
          <a:xfrm>
            <a:off x="3723964" y="3699242"/>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grpSp>
        <p:nvGrpSpPr>
          <p:cNvPr id="23" name="Group 22"/>
          <p:cNvGrpSpPr/>
          <p:nvPr/>
        </p:nvGrpSpPr>
        <p:grpSpPr>
          <a:xfrm>
            <a:off x="5447929" y="3889260"/>
            <a:ext cx="1656185" cy="1219503"/>
            <a:chOff x="4049888" y="3958475"/>
            <a:chExt cx="1656185" cy="1219503"/>
          </a:xfrm>
        </p:grpSpPr>
        <p:sp>
          <p:nvSpPr>
            <p:cNvPr id="21" name="Right Arrow 20"/>
            <p:cNvSpPr/>
            <p:nvPr/>
          </p:nvSpPr>
          <p:spPr bwMode="auto">
            <a:xfrm rot="19958117">
              <a:off x="4049888" y="3958475"/>
              <a:ext cx="1656184" cy="229029"/>
            </a:xfrm>
            <a:prstGeom prst="right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2" name="Right Arrow 21"/>
            <p:cNvSpPr/>
            <p:nvPr/>
          </p:nvSpPr>
          <p:spPr bwMode="auto">
            <a:xfrm rot="1641883" flipV="1">
              <a:off x="4049889" y="4948949"/>
              <a:ext cx="1656184" cy="229029"/>
            </a:xfrm>
            <a:prstGeom prst="right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grpSp>
      <p:sp>
        <p:nvSpPr>
          <p:cNvPr id="25" name="Down Arrow 24"/>
          <p:cNvSpPr/>
          <p:nvPr/>
        </p:nvSpPr>
        <p:spPr bwMode="auto">
          <a:xfrm>
            <a:off x="3760378" y="4147458"/>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6" name="Down Arrow 25"/>
          <p:cNvSpPr/>
          <p:nvPr/>
        </p:nvSpPr>
        <p:spPr bwMode="auto">
          <a:xfrm>
            <a:off x="3806799" y="4567021"/>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pic>
        <p:nvPicPr>
          <p:cNvPr id="12" name="Picture 11">
            <a:extLst>
              <a:ext uri="{FF2B5EF4-FFF2-40B4-BE49-F238E27FC236}">
                <a16:creationId xmlns:a16="http://schemas.microsoft.com/office/drawing/2014/main" id="{5128D529-727E-FCE2-F432-904E0521966A}"/>
              </a:ext>
            </a:extLst>
          </p:cNvPr>
          <p:cNvPicPr>
            <a:picLocks noChangeAspect="1"/>
          </p:cNvPicPr>
          <p:nvPr/>
        </p:nvPicPr>
        <p:blipFill>
          <a:blip r:embed="rId2"/>
          <a:stretch>
            <a:fillRect/>
          </a:stretch>
        </p:blipFill>
        <p:spPr>
          <a:xfrm>
            <a:off x="7122563" y="2377720"/>
            <a:ext cx="2089676" cy="2007324"/>
          </a:xfrm>
          <a:prstGeom prst="rect">
            <a:avLst/>
          </a:prstGeom>
        </p:spPr>
      </p:pic>
      <p:pic>
        <p:nvPicPr>
          <p:cNvPr id="13" name="Picture 12">
            <a:extLst>
              <a:ext uri="{FF2B5EF4-FFF2-40B4-BE49-F238E27FC236}">
                <a16:creationId xmlns:a16="http://schemas.microsoft.com/office/drawing/2014/main" id="{160D5EAE-051C-948A-AB30-6031580A85DA}"/>
              </a:ext>
            </a:extLst>
          </p:cNvPr>
          <p:cNvPicPr>
            <a:picLocks noChangeAspect="1"/>
          </p:cNvPicPr>
          <p:nvPr/>
        </p:nvPicPr>
        <p:blipFill>
          <a:blip r:embed="rId2"/>
          <a:stretch>
            <a:fillRect/>
          </a:stretch>
        </p:blipFill>
        <p:spPr>
          <a:xfrm>
            <a:off x="7122563" y="4459789"/>
            <a:ext cx="2089676" cy="2007324"/>
          </a:xfrm>
          <a:prstGeom prst="rect">
            <a:avLst/>
          </a:prstGeom>
        </p:spPr>
      </p:pic>
    </p:spTree>
    <p:extLst>
      <p:ext uri="{BB962C8B-B14F-4D97-AF65-F5344CB8AC3E}">
        <p14:creationId xmlns:p14="http://schemas.microsoft.com/office/powerpoint/2010/main" val="36725320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0" presetClass="path" presetSubtype="0" accel="50000" decel="50000" fill="hold" grpId="0" nodeType="clickEffect">
                                  <p:stCondLst>
                                    <p:cond delay="0"/>
                                  </p:stCondLst>
                                  <p:childTnLst>
                                    <p:animMotion origin="layout" path="M -6.25E-7 -2.22222E-6 C 0.01693 0.00023 0.03385 0.00047 0.05091 0.00116 C 0.05339 0.00139 0.05781 0.00255 0.06016 0.0044 C 0.06836 0.01042 0.06263 0.00764 0.0681 0.00996 C 0.07135 0.01297 0.0737 0.01389 0.0776 0.01551 C 0.08008 0.01783 0.08294 0.01875 0.08529 0.02107 C 0.08906 0.02523 0.08958 0.02616 0.09401 0.02801 C 0.09505 0.03172 0.0957 0.03472 0.09753 0.03797 C 0.0987 0.04468 0.09948 0.05139 0.10013 0.05834 C 0.09909 0.09283 0.09922 0.07894 0.09922 0.09977 " pathEditMode="relative" rAng="0" ptsTypes="AAAAAAAAAA">
                                      <p:cBhvr>
                                        <p:cTn id="6" dur="2000" fill="hold"/>
                                        <p:tgtEl>
                                          <p:spTgt spid="9"/>
                                        </p:tgtEl>
                                        <p:attrNameLst>
                                          <p:attrName>ppt_x</p:attrName>
                                          <p:attrName>ppt_y</p:attrName>
                                        </p:attrNameLst>
                                      </p:cBhvr>
                                      <p:rCtr x="5000" y="4977"/>
                                    </p:animMotion>
                                  </p:childTnLst>
                                </p:cTn>
                              </p:par>
                            </p:childTnLst>
                          </p:cTn>
                        </p:par>
                        <p:par>
                          <p:cTn id="7" fill="hold">
                            <p:stCondLst>
                              <p:cond delay="2000"/>
                            </p:stCondLst>
                            <p:childTnLst>
                              <p:par>
                                <p:cTn id="8" presetID="22" presetClass="entr" presetSubtype="1" fill="hold" grpId="0" nodeType="afterEffect">
                                  <p:stCondLst>
                                    <p:cond delay="0"/>
                                  </p:stCondLst>
                                  <p:childTnLst>
                                    <p:set>
                                      <p:cBhvr>
                                        <p:cTn id="9" dur="1" fill="hold">
                                          <p:stCondLst>
                                            <p:cond delay="0"/>
                                          </p:stCondLst>
                                        </p:cTn>
                                        <p:tgtEl>
                                          <p:spTgt spid="15"/>
                                        </p:tgtEl>
                                        <p:attrNameLst>
                                          <p:attrName>style.visibility</p:attrName>
                                        </p:attrNameLst>
                                      </p:cBhvr>
                                      <p:to>
                                        <p:strVal val="visible"/>
                                      </p:to>
                                    </p:set>
                                    <p:animEffect transition="in" filter="wipe(up)">
                                      <p:cBhvr>
                                        <p:cTn id="10" dur="500"/>
                                        <p:tgtEl>
                                          <p:spTgt spid="15"/>
                                        </p:tgtEl>
                                      </p:cBhvr>
                                    </p:animEffect>
                                  </p:childTnLst>
                                </p:cTn>
                              </p:par>
                            </p:childTnLst>
                          </p:cTn>
                        </p:par>
                        <p:par>
                          <p:cTn id="11" fill="hold">
                            <p:stCondLst>
                              <p:cond delay="2500"/>
                            </p:stCondLst>
                            <p:childTnLst>
                              <p:par>
                                <p:cTn id="12" presetID="22" presetClass="entr" presetSubtype="1" fill="hold" grpId="0" nodeType="afterEffect">
                                  <p:stCondLst>
                                    <p:cond delay="0"/>
                                  </p:stCondLst>
                                  <p:childTnLst>
                                    <p:set>
                                      <p:cBhvr>
                                        <p:cTn id="13" dur="1" fill="hold">
                                          <p:stCondLst>
                                            <p:cond delay="0"/>
                                          </p:stCondLst>
                                        </p:cTn>
                                        <p:tgtEl>
                                          <p:spTgt spid="25"/>
                                        </p:tgtEl>
                                        <p:attrNameLst>
                                          <p:attrName>style.visibility</p:attrName>
                                        </p:attrNameLst>
                                      </p:cBhvr>
                                      <p:to>
                                        <p:strVal val="visible"/>
                                      </p:to>
                                    </p:set>
                                    <p:animEffect transition="in" filter="wipe(up)">
                                      <p:cBhvr>
                                        <p:cTn id="14" dur="500"/>
                                        <p:tgtEl>
                                          <p:spTgt spid="25"/>
                                        </p:tgtEl>
                                      </p:cBhvr>
                                    </p:animEffect>
                                  </p:childTnLst>
                                </p:cTn>
                              </p:par>
                            </p:childTnLst>
                          </p:cTn>
                        </p:par>
                        <p:par>
                          <p:cTn id="15" fill="hold">
                            <p:stCondLst>
                              <p:cond delay="3000"/>
                            </p:stCondLst>
                            <p:childTnLst>
                              <p:par>
                                <p:cTn id="16" presetID="22" presetClass="entr" presetSubtype="1" fill="hold" grpId="0" nodeType="afterEffect">
                                  <p:stCondLst>
                                    <p:cond delay="0"/>
                                  </p:stCondLst>
                                  <p:childTnLst>
                                    <p:set>
                                      <p:cBhvr>
                                        <p:cTn id="17" dur="1" fill="hold">
                                          <p:stCondLst>
                                            <p:cond delay="0"/>
                                          </p:stCondLst>
                                        </p:cTn>
                                        <p:tgtEl>
                                          <p:spTgt spid="26"/>
                                        </p:tgtEl>
                                        <p:attrNameLst>
                                          <p:attrName>style.visibility</p:attrName>
                                        </p:attrNameLst>
                                      </p:cBhvr>
                                      <p:to>
                                        <p:strVal val="visible"/>
                                      </p:to>
                                    </p:set>
                                    <p:animEffect transition="in" filter="wipe(up)">
                                      <p:cBhvr>
                                        <p:cTn id="18" dur="500"/>
                                        <p:tgtEl>
                                          <p:spTgt spid="26"/>
                                        </p:tgtEl>
                                      </p:cBhvr>
                                    </p:animEffect>
                                  </p:childTnLst>
                                </p:cTn>
                              </p:par>
                            </p:childTnLst>
                          </p:cTn>
                        </p:par>
                        <p:par>
                          <p:cTn id="19" fill="hold">
                            <p:stCondLst>
                              <p:cond delay="3500"/>
                            </p:stCondLst>
                            <p:childTnLst>
                              <p:par>
                                <p:cTn id="20" presetID="22" presetClass="entr" presetSubtype="8" fill="hold" nodeType="afterEffect">
                                  <p:stCondLst>
                                    <p:cond delay="0"/>
                                  </p:stCondLst>
                                  <p:childTnLst>
                                    <p:set>
                                      <p:cBhvr>
                                        <p:cTn id="21" dur="1" fill="hold">
                                          <p:stCondLst>
                                            <p:cond delay="0"/>
                                          </p:stCondLst>
                                        </p:cTn>
                                        <p:tgtEl>
                                          <p:spTgt spid="23"/>
                                        </p:tgtEl>
                                        <p:attrNameLst>
                                          <p:attrName>style.visibility</p:attrName>
                                        </p:attrNameLst>
                                      </p:cBhvr>
                                      <p:to>
                                        <p:strVal val="visible"/>
                                      </p:to>
                                    </p:set>
                                    <p:animEffect transition="in" filter="wipe(left)">
                                      <p:cBhvr>
                                        <p:cTn id="22" dur="500"/>
                                        <p:tgtEl>
                                          <p:spTgt spid="23"/>
                                        </p:tgtEl>
                                      </p:cBhvr>
                                    </p:animEffect>
                                  </p:childTnLst>
                                </p:cTn>
                              </p:par>
                            </p:childTnLst>
                          </p:cTn>
                        </p:par>
                        <p:par>
                          <p:cTn id="23" fill="hold">
                            <p:stCondLst>
                              <p:cond delay="4000"/>
                            </p:stCondLst>
                            <p:childTnLst>
                              <p:par>
                                <p:cTn id="24" presetID="10" presetClass="entr" presetSubtype="0" fill="hold" nodeType="afterEffect">
                                  <p:stCondLst>
                                    <p:cond delay="0"/>
                                  </p:stCondLst>
                                  <p:childTnLst>
                                    <p:set>
                                      <p:cBhvr>
                                        <p:cTn id="25" dur="1" fill="hold">
                                          <p:stCondLst>
                                            <p:cond delay="0"/>
                                          </p:stCondLst>
                                        </p:cTn>
                                        <p:tgtEl>
                                          <p:spTgt spid="12"/>
                                        </p:tgtEl>
                                        <p:attrNameLst>
                                          <p:attrName>style.visibility</p:attrName>
                                        </p:attrNameLst>
                                      </p:cBhvr>
                                      <p:to>
                                        <p:strVal val="visible"/>
                                      </p:to>
                                    </p:set>
                                    <p:animEffect transition="in" filter="fade">
                                      <p:cBhvr>
                                        <p:cTn id="26" dur="500"/>
                                        <p:tgtEl>
                                          <p:spTgt spid="12"/>
                                        </p:tgtEl>
                                      </p:cBhvr>
                                    </p:animEffect>
                                  </p:childTnLst>
                                </p:cTn>
                              </p:par>
                            </p:childTnLst>
                          </p:cTn>
                        </p:par>
                        <p:par>
                          <p:cTn id="27" fill="hold">
                            <p:stCondLst>
                              <p:cond delay="4500"/>
                            </p:stCondLst>
                            <p:childTnLst>
                              <p:par>
                                <p:cTn id="28" presetID="10" presetClass="entr" presetSubtype="0" fill="hold" nodeType="afterEffect">
                                  <p:stCondLst>
                                    <p:cond delay="0"/>
                                  </p:stCondLst>
                                  <p:childTnLst>
                                    <p:set>
                                      <p:cBhvr>
                                        <p:cTn id="29" dur="1" fill="hold">
                                          <p:stCondLst>
                                            <p:cond delay="0"/>
                                          </p:stCondLst>
                                        </p:cTn>
                                        <p:tgtEl>
                                          <p:spTgt spid="13"/>
                                        </p:tgtEl>
                                        <p:attrNameLst>
                                          <p:attrName>style.visibility</p:attrName>
                                        </p:attrNameLst>
                                      </p:cBhvr>
                                      <p:to>
                                        <p:strVal val="visible"/>
                                      </p:to>
                                    </p:set>
                                    <p:animEffect transition="in" filter="fade">
                                      <p:cBhvr>
                                        <p:cTn id="30" dur="500"/>
                                        <p:tgtEl>
                                          <p:spTgt spid="1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5" grpId="0" animBg="1"/>
      <p:bldP spid="25" grpId="0" animBg="1"/>
      <p:bldP spid="26" grpId="0" animBg="1"/>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Rectangle: Rounded Corners 11">
            <a:extLst>
              <a:ext uri="{FF2B5EF4-FFF2-40B4-BE49-F238E27FC236}">
                <a16:creationId xmlns:a16="http://schemas.microsoft.com/office/drawing/2014/main" id="{4860132A-4FAC-9DEC-6230-3C4F557C372C}"/>
              </a:ext>
            </a:extLst>
          </p:cNvPr>
          <p:cNvSpPr/>
          <p:nvPr/>
        </p:nvSpPr>
        <p:spPr>
          <a:xfrm>
            <a:off x="1044385" y="1490559"/>
            <a:ext cx="4579202" cy="515608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6" name="Rectangle 15">
            <a:extLst>
              <a:ext uri="{FF2B5EF4-FFF2-40B4-BE49-F238E27FC236}">
                <a16:creationId xmlns:a16="http://schemas.microsoft.com/office/drawing/2014/main" id="{1B07A05F-E1E4-4788-3EA4-78487A52C2A6}"/>
              </a:ext>
            </a:extLst>
          </p:cNvPr>
          <p:cNvSpPr/>
          <p:nvPr/>
        </p:nvSpPr>
        <p:spPr>
          <a:xfrm>
            <a:off x="1240575" y="1731671"/>
            <a:ext cx="4141494" cy="4702316"/>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dirty="0"/>
          </a:p>
        </p:txBody>
      </p:sp>
      <p:sp>
        <p:nvSpPr>
          <p:cNvPr id="13" name="Rectangle: Rounded Corners 12">
            <a:extLst>
              <a:ext uri="{FF2B5EF4-FFF2-40B4-BE49-F238E27FC236}">
                <a16:creationId xmlns:a16="http://schemas.microsoft.com/office/drawing/2014/main" id="{563AEBA6-F77F-3F92-2812-789A39948A98}"/>
              </a:ext>
            </a:extLst>
          </p:cNvPr>
          <p:cNvSpPr/>
          <p:nvPr/>
        </p:nvSpPr>
        <p:spPr>
          <a:xfrm>
            <a:off x="6738133" y="1490559"/>
            <a:ext cx="4579202" cy="515608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4" name="Rectangle 13">
            <a:extLst>
              <a:ext uri="{FF2B5EF4-FFF2-40B4-BE49-F238E27FC236}">
                <a16:creationId xmlns:a16="http://schemas.microsoft.com/office/drawing/2014/main" id="{2C1727F3-30C0-D2A2-542D-7F414A3D988E}"/>
              </a:ext>
            </a:extLst>
          </p:cNvPr>
          <p:cNvSpPr/>
          <p:nvPr/>
        </p:nvSpPr>
        <p:spPr>
          <a:xfrm>
            <a:off x="7008126" y="1731671"/>
            <a:ext cx="3970903" cy="4702316"/>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pic>
        <p:nvPicPr>
          <p:cNvPr id="11" name="Picture 10">
            <a:extLst>
              <a:ext uri="{FF2B5EF4-FFF2-40B4-BE49-F238E27FC236}">
                <a16:creationId xmlns:a16="http://schemas.microsoft.com/office/drawing/2014/main" id="{243B190E-2E9B-A611-EA1F-C24F23EB0D07}"/>
              </a:ext>
            </a:extLst>
          </p:cNvPr>
          <p:cNvPicPr>
            <a:picLocks noChangeAspect="1"/>
          </p:cNvPicPr>
          <p:nvPr/>
        </p:nvPicPr>
        <p:blipFill>
          <a:blip r:embed="rId3"/>
          <a:stretch>
            <a:fillRect/>
          </a:stretch>
        </p:blipFill>
        <p:spPr>
          <a:xfrm>
            <a:off x="7045630" y="2950384"/>
            <a:ext cx="3659408" cy="3515194"/>
          </a:xfrm>
          <a:prstGeom prst="rect">
            <a:avLst/>
          </a:prstGeom>
        </p:spPr>
      </p:pic>
      <p:sp>
        <p:nvSpPr>
          <p:cNvPr id="2" name="Title 1"/>
          <p:cNvSpPr>
            <a:spLocks noGrp="1"/>
          </p:cNvSpPr>
          <p:nvPr>
            <p:ph type="title"/>
          </p:nvPr>
        </p:nvSpPr>
        <p:spPr/>
        <p:txBody>
          <a:bodyPr>
            <a:normAutofit/>
          </a:bodyPr>
          <a:lstStyle/>
          <a:p>
            <a:r>
              <a:rPr lang="nl-NL"/>
              <a:t>Precision </a:t>
            </a:r>
            <a:r>
              <a:rPr lang="nl-NL" err="1"/>
              <a:t>medicine</a:t>
            </a:r>
            <a:endParaRPr lang="en-US"/>
          </a:p>
        </p:txBody>
      </p:sp>
      <p:sp>
        <p:nvSpPr>
          <p:cNvPr id="33" name="Down Arrow 32"/>
          <p:cNvSpPr/>
          <p:nvPr/>
        </p:nvSpPr>
        <p:spPr bwMode="auto">
          <a:xfrm>
            <a:off x="8723318" y="3600650"/>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35" name="Down Arrow 34"/>
          <p:cNvSpPr/>
          <p:nvPr/>
        </p:nvSpPr>
        <p:spPr bwMode="auto">
          <a:xfrm>
            <a:off x="8759732" y="4082986"/>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36" name="Down Arrow 35"/>
          <p:cNvSpPr/>
          <p:nvPr/>
        </p:nvSpPr>
        <p:spPr bwMode="auto">
          <a:xfrm>
            <a:off x="8785681" y="4543493"/>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6" name="Freeform 5"/>
          <p:cNvSpPr/>
          <p:nvPr/>
        </p:nvSpPr>
        <p:spPr bwMode="auto">
          <a:xfrm rot="645614">
            <a:off x="8637362" y="2379668"/>
            <a:ext cx="475945" cy="1043796"/>
          </a:xfrm>
          <a:custGeom>
            <a:avLst/>
            <a:gdLst>
              <a:gd name="connsiteX0" fmla="*/ 34505 w 475945"/>
              <a:gd name="connsiteY0" fmla="*/ 172528 h 1043796"/>
              <a:gd name="connsiteX1" fmla="*/ 34505 w 475945"/>
              <a:gd name="connsiteY1" fmla="*/ 172528 h 1043796"/>
              <a:gd name="connsiteX2" fmla="*/ 0 w 475945"/>
              <a:gd name="connsiteY2" fmla="*/ 284672 h 1043796"/>
              <a:gd name="connsiteX3" fmla="*/ 8626 w 475945"/>
              <a:gd name="connsiteY3" fmla="*/ 388189 h 1043796"/>
              <a:gd name="connsiteX4" fmla="*/ 51758 w 475945"/>
              <a:gd name="connsiteY4" fmla="*/ 465826 h 1043796"/>
              <a:gd name="connsiteX5" fmla="*/ 94890 w 475945"/>
              <a:gd name="connsiteY5" fmla="*/ 534838 h 1043796"/>
              <a:gd name="connsiteX6" fmla="*/ 163902 w 475945"/>
              <a:gd name="connsiteY6" fmla="*/ 612475 h 1043796"/>
              <a:gd name="connsiteX7" fmla="*/ 198407 w 475945"/>
              <a:gd name="connsiteY7" fmla="*/ 621102 h 1043796"/>
              <a:gd name="connsiteX8" fmla="*/ 198407 w 475945"/>
              <a:gd name="connsiteY8" fmla="*/ 715992 h 1043796"/>
              <a:gd name="connsiteX9" fmla="*/ 181155 w 475945"/>
              <a:gd name="connsiteY9" fmla="*/ 862641 h 1043796"/>
              <a:gd name="connsiteX10" fmla="*/ 189781 w 475945"/>
              <a:gd name="connsiteY10" fmla="*/ 983411 h 1043796"/>
              <a:gd name="connsiteX11" fmla="*/ 198407 w 475945"/>
              <a:gd name="connsiteY11" fmla="*/ 1017917 h 1043796"/>
              <a:gd name="connsiteX12" fmla="*/ 250166 w 475945"/>
              <a:gd name="connsiteY12" fmla="*/ 1043796 h 1043796"/>
              <a:gd name="connsiteX13" fmla="*/ 267419 w 475945"/>
              <a:gd name="connsiteY13" fmla="*/ 1009290 h 1043796"/>
              <a:gd name="connsiteX14" fmla="*/ 276045 w 475945"/>
              <a:gd name="connsiteY14" fmla="*/ 983411 h 1043796"/>
              <a:gd name="connsiteX15" fmla="*/ 310551 w 475945"/>
              <a:gd name="connsiteY15" fmla="*/ 966158 h 1043796"/>
              <a:gd name="connsiteX16" fmla="*/ 345056 w 475945"/>
              <a:gd name="connsiteY16" fmla="*/ 905773 h 1043796"/>
              <a:gd name="connsiteX17" fmla="*/ 336430 w 475945"/>
              <a:gd name="connsiteY17" fmla="*/ 819509 h 1043796"/>
              <a:gd name="connsiteX18" fmla="*/ 353683 w 475945"/>
              <a:gd name="connsiteY18" fmla="*/ 560717 h 1043796"/>
              <a:gd name="connsiteX19" fmla="*/ 370936 w 475945"/>
              <a:gd name="connsiteY19" fmla="*/ 508958 h 1043796"/>
              <a:gd name="connsiteX20" fmla="*/ 405441 w 475945"/>
              <a:gd name="connsiteY20" fmla="*/ 457200 h 1043796"/>
              <a:gd name="connsiteX21" fmla="*/ 439947 w 475945"/>
              <a:gd name="connsiteY21" fmla="*/ 414068 h 1043796"/>
              <a:gd name="connsiteX22" fmla="*/ 457200 w 475945"/>
              <a:gd name="connsiteY22" fmla="*/ 388189 h 1043796"/>
              <a:gd name="connsiteX23" fmla="*/ 465826 w 475945"/>
              <a:gd name="connsiteY23" fmla="*/ 181155 h 1043796"/>
              <a:gd name="connsiteX24" fmla="*/ 448573 w 475945"/>
              <a:gd name="connsiteY24" fmla="*/ 155275 h 1043796"/>
              <a:gd name="connsiteX25" fmla="*/ 353683 w 475945"/>
              <a:gd name="connsiteY25" fmla="*/ 155275 h 1043796"/>
              <a:gd name="connsiteX26" fmla="*/ 336430 w 475945"/>
              <a:gd name="connsiteY26" fmla="*/ 103517 h 1043796"/>
              <a:gd name="connsiteX27" fmla="*/ 327804 w 475945"/>
              <a:gd name="connsiteY27" fmla="*/ 51758 h 1043796"/>
              <a:gd name="connsiteX28" fmla="*/ 293298 w 475945"/>
              <a:gd name="connsiteY28" fmla="*/ 0 h 1043796"/>
              <a:gd name="connsiteX29" fmla="*/ 232913 w 475945"/>
              <a:gd name="connsiteY29" fmla="*/ 8626 h 1043796"/>
              <a:gd name="connsiteX30" fmla="*/ 189781 w 475945"/>
              <a:gd name="connsiteY30" fmla="*/ 51758 h 1043796"/>
              <a:gd name="connsiteX31" fmla="*/ 163902 w 475945"/>
              <a:gd name="connsiteY31" fmla="*/ 60385 h 1043796"/>
              <a:gd name="connsiteX32" fmla="*/ 112143 w 475945"/>
              <a:gd name="connsiteY32" fmla="*/ 86264 h 1043796"/>
              <a:gd name="connsiteX33" fmla="*/ 86264 w 475945"/>
              <a:gd name="connsiteY33" fmla="*/ 103517 h 1043796"/>
              <a:gd name="connsiteX34" fmla="*/ 60385 w 475945"/>
              <a:gd name="connsiteY34" fmla="*/ 112143 h 1043796"/>
              <a:gd name="connsiteX35" fmla="*/ 34505 w 475945"/>
              <a:gd name="connsiteY35" fmla="*/ 146649 h 1043796"/>
              <a:gd name="connsiteX36" fmla="*/ 25879 w 475945"/>
              <a:gd name="connsiteY36" fmla="*/ 198407 h 1043796"/>
              <a:gd name="connsiteX37" fmla="*/ 17253 w 475945"/>
              <a:gd name="connsiteY37" fmla="*/ 224287 h 1043796"/>
              <a:gd name="connsiteX38" fmla="*/ 34505 w 475945"/>
              <a:gd name="connsiteY38" fmla="*/ 172528 h 10437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475945" h="1043796">
                <a:moveTo>
                  <a:pt x="34505" y="172528"/>
                </a:moveTo>
                <a:lnTo>
                  <a:pt x="34505" y="172528"/>
                </a:lnTo>
                <a:cubicBezTo>
                  <a:pt x="26005" y="195195"/>
                  <a:pt x="0" y="253300"/>
                  <a:pt x="0" y="284672"/>
                </a:cubicBezTo>
                <a:cubicBezTo>
                  <a:pt x="0" y="319297"/>
                  <a:pt x="4050" y="353867"/>
                  <a:pt x="8626" y="388189"/>
                </a:cubicBezTo>
                <a:cubicBezTo>
                  <a:pt x="14406" y="431542"/>
                  <a:pt x="33653" y="411512"/>
                  <a:pt x="51758" y="465826"/>
                </a:cubicBezTo>
                <a:cubicBezTo>
                  <a:pt x="72290" y="527421"/>
                  <a:pt x="53879" y="507497"/>
                  <a:pt x="94890" y="534838"/>
                </a:cubicBezTo>
                <a:cubicBezTo>
                  <a:pt x="110613" y="558421"/>
                  <a:pt x="140265" y="606565"/>
                  <a:pt x="163902" y="612475"/>
                </a:cubicBezTo>
                <a:lnTo>
                  <a:pt x="198407" y="621102"/>
                </a:lnTo>
                <a:cubicBezTo>
                  <a:pt x="212687" y="678217"/>
                  <a:pt x="207474" y="638924"/>
                  <a:pt x="198407" y="715992"/>
                </a:cubicBezTo>
                <a:cubicBezTo>
                  <a:pt x="177102" y="897084"/>
                  <a:pt x="201365" y="721162"/>
                  <a:pt x="181155" y="862641"/>
                </a:cubicBezTo>
                <a:cubicBezTo>
                  <a:pt x="184030" y="902898"/>
                  <a:pt x="185324" y="943299"/>
                  <a:pt x="189781" y="983411"/>
                </a:cubicBezTo>
                <a:cubicBezTo>
                  <a:pt x="191090" y="995194"/>
                  <a:pt x="191831" y="1008052"/>
                  <a:pt x="198407" y="1017917"/>
                </a:cubicBezTo>
                <a:cubicBezTo>
                  <a:pt x="207963" y="1032251"/>
                  <a:pt x="235403" y="1038875"/>
                  <a:pt x="250166" y="1043796"/>
                </a:cubicBezTo>
                <a:cubicBezTo>
                  <a:pt x="255917" y="1032294"/>
                  <a:pt x="262353" y="1021110"/>
                  <a:pt x="267419" y="1009290"/>
                </a:cubicBezTo>
                <a:cubicBezTo>
                  <a:pt x="271001" y="1000932"/>
                  <a:pt x="269615" y="989841"/>
                  <a:pt x="276045" y="983411"/>
                </a:cubicBezTo>
                <a:cubicBezTo>
                  <a:pt x="285138" y="974318"/>
                  <a:pt x="299049" y="971909"/>
                  <a:pt x="310551" y="966158"/>
                </a:cubicBezTo>
                <a:cubicBezTo>
                  <a:pt x="317996" y="954990"/>
                  <a:pt x="344180" y="918034"/>
                  <a:pt x="345056" y="905773"/>
                </a:cubicBezTo>
                <a:cubicBezTo>
                  <a:pt x="347115" y="876948"/>
                  <a:pt x="339305" y="848264"/>
                  <a:pt x="336430" y="819509"/>
                </a:cubicBezTo>
                <a:cubicBezTo>
                  <a:pt x="340544" y="712544"/>
                  <a:pt x="327696" y="647337"/>
                  <a:pt x="353683" y="560717"/>
                </a:cubicBezTo>
                <a:cubicBezTo>
                  <a:pt x="358909" y="543298"/>
                  <a:pt x="360848" y="524090"/>
                  <a:pt x="370936" y="508958"/>
                </a:cubicBezTo>
                <a:cubicBezTo>
                  <a:pt x="382438" y="491705"/>
                  <a:pt x="398884" y="476871"/>
                  <a:pt x="405441" y="457200"/>
                </a:cubicBezTo>
                <a:cubicBezTo>
                  <a:pt x="417347" y="421485"/>
                  <a:pt x="406502" y="436365"/>
                  <a:pt x="439947" y="414068"/>
                </a:cubicBezTo>
                <a:cubicBezTo>
                  <a:pt x="445698" y="405442"/>
                  <a:pt x="453921" y="398025"/>
                  <a:pt x="457200" y="388189"/>
                </a:cubicBezTo>
                <a:cubicBezTo>
                  <a:pt x="481897" y="314098"/>
                  <a:pt x="479369" y="262411"/>
                  <a:pt x="465826" y="181155"/>
                </a:cubicBezTo>
                <a:cubicBezTo>
                  <a:pt x="464121" y="170928"/>
                  <a:pt x="454324" y="163902"/>
                  <a:pt x="448573" y="155275"/>
                </a:cubicBezTo>
                <a:cubicBezTo>
                  <a:pt x="441553" y="156278"/>
                  <a:pt x="369953" y="174257"/>
                  <a:pt x="353683" y="155275"/>
                </a:cubicBezTo>
                <a:cubicBezTo>
                  <a:pt x="341848" y="141467"/>
                  <a:pt x="336430" y="103517"/>
                  <a:pt x="336430" y="103517"/>
                </a:cubicBezTo>
                <a:cubicBezTo>
                  <a:pt x="333555" y="86264"/>
                  <a:pt x="334531" y="67904"/>
                  <a:pt x="327804" y="51758"/>
                </a:cubicBezTo>
                <a:cubicBezTo>
                  <a:pt x="319829" y="32618"/>
                  <a:pt x="293298" y="0"/>
                  <a:pt x="293298" y="0"/>
                </a:cubicBezTo>
                <a:cubicBezTo>
                  <a:pt x="273170" y="2875"/>
                  <a:pt x="252388" y="2783"/>
                  <a:pt x="232913" y="8626"/>
                </a:cubicBezTo>
                <a:cubicBezTo>
                  <a:pt x="191509" y="21047"/>
                  <a:pt x="219684" y="27836"/>
                  <a:pt x="189781" y="51758"/>
                </a:cubicBezTo>
                <a:cubicBezTo>
                  <a:pt x="182681" y="57438"/>
                  <a:pt x="172035" y="56318"/>
                  <a:pt x="163902" y="60385"/>
                </a:cubicBezTo>
                <a:cubicBezTo>
                  <a:pt x="97019" y="93827"/>
                  <a:pt x="177183" y="64585"/>
                  <a:pt x="112143" y="86264"/>
                </a:cubicBezTo>
                <a:cubicBezTo>
                  <a:pt x="103517" y="92015"/>
                  <a:pt x="95537" y="98880"/>
                  <a:pt x="86264" y="103517"/>
                </a:cubicBezTo>
                <a:cubicBezTo>
                  <a:pt x="78131" y="107583"/>
                  <a:pt x="67370" y="106322"/>
                  <a:pt x="60385" y="112143"/>
                </a:cubicBezTo>
                <a:cubicBezTo>
                  <a:pt x="49340" y="121347"/>
                  <a:pt x="43132" y="135147"/>
                  <a:pt x="34505" y="146649"/>
                </a:cubicBezTo>
                <a:cubicBezTo>
                  <a:pt x="31630" y="163902"/>
                  <a:pt x="29673" y="181333"/>
                  <a:pt x="25879" y="198407"/>
                </a:cubicBezTo>
                <a:cubicBezTo>
                  <a:pt x="23906" y="207284"/>
                  <a:pt x="17253" y="224287"/>
                  <a:pt x="17253" y="224287"/>
                </a:cubicBezTo>
                <a:lnTo>
                  <a:pt x="34505" y="172528"/>
                </a:ln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grpSp>
        <p:nvGrpSpPr>
          <p:cNvPr id="10" name="Group 9">
            <a:extLst>
              <a:ext uri="{FF2B5EF4-FFF2-40B4-BE49-F238E27FC236}">
                <a16:creationId xmlns:a16="http://schemas.microsoft.com/office/drawing/2014/main" id="{7CF8E00B-DBF3-7DC9-545A-6CC57F3981BE}"/>
              </a:ext>
            </a:extLst>
          </p:cNvPr>
          <p:cNvGrpSpPr/>
          <p:nvPr/>
        </p:nvGrpSpPr>
        <p:grpSpPr>
          <a:xfrm>
            <a:off x="1569611" y="1832731"/>
            <a:ext cx="3532103" cy="4583726"/>
            <a:chOff x="2264639" y="2144058"/>
            <a:chExt cx="3532103" cy="4583726"/>
          </a:xfrm>
        </p:grpSpPr>
        <p:pic>
          <p:nvPicPr>
            <p:cNvPr id="3" name="Picture 2">
              <a:extLst>
                <a:ext uri="{FF2B5EF4-FFF2-40B4-BE49-F238E27FC236}">
                  <a16:creationId xmlns:a16="http://schemas.microsoft.com/office/drawing/2014/main" id="{295A21FA-FB64-9E0D-98CB-6105A9E6B943}"/>
                </a:ext>
              </a:extLst>
            </p:cNvPr>
            <p:cNvPicPr>
              <a:picLocks noChangeAspect="1"/>
            </p:cNvPicPr>
            <p:nvPr/>
          </p:nvPicPr>
          <p:blipFill>
            <a:blip r:embed="rId3"/>
            <a:stretch>
              <a:fillRect/>
            </a:stretch>
          </p:blipFill>
          <p:spPr>
            <a:xfrm>
              <a:off x="2264639" y="3334876"/>
              <a:ext cx="3532103" cy="3392908"/>
            </a:xfrm>
            <a:prstGeom prst="rect">
              <a:avLst/>
            </a:prstGeom>
          </p:spPr>
        </p:pic>
        <p:sp>
          <p:nvSpPr>
            <p:cNvPr id="8" name="Freeform 7"/>
            <p:cNvSpPr/>
            <p:nvPr/>
          </p:nvSpPr>
          <p:spPr bwMode="auto">
            <a:xfrm>
              <a:off x="3561636" y="2924944"/>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9" name="Freeform 8"/>
            <p:cNvSpPr/>
            <p:nvPr/>
          </p:nvSpPr>
          <p:spPr bwMode="auto">
            <a:xfrm>
              <a:off x="2409508" y="2144058"/>
              <a:ext cx="374125" cy="323491"/>
            </a:xfrm>
            <a:custGeom>
              <a:avLst/>
              <a:gdLst>
                <a:gd name="connsiteX0" fmla="*/ 452 w 380014"/>
                <a:gd name="connsiteY0" fmla="*/ 172529 h 646982"/>
                <a:gd name="connsiteX1" fmla="*/ 452 w 380014"/>
                <a:gd name="connsiteY1" fmla="*/ 172529 h 646982"/>
                <a:gd name="connsiteX2" fmla="*/ 34958 w 380014"/>
                <a:gd name="connsiteY2" fmla="*/ 465827 h 646982"/>
                <a:gd name="connsiteX3" fmla="*/ 52211 w 380014"/>
                <a:gd name="connsiteY3" fmla="*/ 500333 h 646982"/>
                <a:gd name="connsiteX4" fmla="*/ 95343 w 380014"/>
                <a:gd name="connsiteY4" fmla="*/ 577970 h 646982"/>
                <a:gd name="connsiteX5" fmla="*/ 121222 w 380014"/>
                <a:gd name="connsiteY5" fmla="*/ 595223 h 646982"/>
                <a:gd name="connsiteX6" fmla="*/ 138475 w 380014"/>
                <a:gd name="connsiteY6" fmla="*/ 621102 h 646982"/>
                <a:gd name="connsiteX7" fmla="*/ 164354 w 380014"/>
                <a:gd name="connsiteY7" fmla="*/ 629729 h 646982"/>
                <a:gd name="connsiteX8" fmla="*/ 190233 w 380014"/>
                <a:gd name="connsiteY8" fmla="*/ 646982 h 646982"/>
                <a:gd name="connsiteX9" fmla="*/ 241992 w 380014"/>
                <a:gd name="connsiteY9" fmla="*/ 638355 h 646982"/>
                <a:gd name="connsiteX10" fmla="*/ 259245 w 380014"/>
                <a:gd name="connsiteY10" fmla="*/ 612476 h 646982"/>
                <a:gd name="connsiteX11" fmla="*/ 267871 w 380014"/>
                <a:gd name="connsiteY11" fmla="*/ 465827 h 646982"/>
                <a:gd name="connsiteX12" fmla="*/ 302377 w 380014"/>
                <a:gd name="connsiteY12" fmla="*/ 388189 h 646982"/>
                <a:gd name="connsiteX13" fmla="*/ 336882 w 380014"/>
                <a:gd name="connsiteY13" fmla="*/ 345057 h 646982"/>
                <a:gd name="connsiteX14" fmla="*/ 354135 w 380014"/>
                <a:gd name="connsiteY14" fmla="*/ 319178 h 646982"/>
                <a:gd name="connsiteX15" fmla="*/ 380014 w 380014"/>
                <a:gd name="connsiteY15" fmla="*/ 284672 h 646982"/>
                <a:gd name="connsiteX16" fmla="*/ 371388 w 380014"/>
                <a:gd name="connsiteY16" fmla="*/ 112144 h 646982"/>
                <a:gd name="connsiteX17" fmla="*/ 362762 w 380014"/>
                <a:gd name="connsiteY17" fmla="*/ 69012 h 646982"/>
                <a:gd name="connsiteX18" fmla="*/ 336882 w 380014"/>
                <a:gd name="connsiteY18" fmla="*/ 51759 h 646982"/>
                <a:gd name="connsiteX19" fmla="*/ 302377 w 380014"/>
                <a:gd name="connsiteY19" fmla="*/ 60385 h 646982"/>
                <a:gd name="connsiteX20" fmla="*/ 276497 w 380014"/>
                <a:gd name="connsiteY20" fmla="*/ 86265 h 646982"/>
                <a:gd name="connsiteX21" fmla="*/ 241992 w 380014"/>
                <a:gd name="connsiteY21" fmla="*/ 103517 h 646982"/>
                <a:gd name="connsiteX22" fmla="*/ 121222 w 380014"/>
                <a:gd name="connsiteY22" fmla="*/ 86265 h 646982"/>
                <a:gd name="connsiteX23" fmla="*/ 112596 w 380014"/>
                <a:gd name="connsiteY23" fmla="*/ 60385 h 646982"/>
                <a:gd name="connsiteX24" fmla="*/ 86716 w 380014"/>
                <a:gd name="connsiteY24" fmla="*/ 34506 h 646982"/>
                <a:gd name="connsiteX25" fmla="*/ 69463 w 380014"/>
                <a:gd name="connsiteY25" fmla="*/ 0 h 646982"/>
                <a:gd name="connsiteX26" fmla="*/ 60837 w 380014"/>
                <a:gd name="connsiteY26" fmla="*/ 34506 h 646982"/>
                <a:gd name="connsiteX27" fmla="*/ 17705 w 380014"/>
                <a:gd name="connsiteY27" fmla="*/ 77638 h 646982"/>
                <a:gd name="connsiteX28" fmla="*/ 452 w 380014"/>
                <a:gd name="connsiteY28" fmla="*/ 172529 h 6469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380014" h="646982">
                  <a:moveTo>
                    <a:pt x="452" y="172529"/>
                  </a:moveTo>
                  <a:lnTo>
                    <a:pt x="452" y="172529"/>
                  </a:lnTo>
                  <a:cubicBezTo>
                    <a:pt x="10745" y="316636"/>
                    <a:pt x="-5960" y="363531"/>
                    <a:pt x="34958" y="465827"/>
                  </a:cubicBezTo>
                  <a:cubicBezTo>
                    <a:pt x="39734" y="477767"/>
                    <a:pt x="47435" y="488393"/>
                    <a:pt x="52211" y="500333"/>
                  </a:cubicBezTo>
                  <a:cubicBezTo>
                    <a:pt x="73881" y="554508"/>
                    <a:pt x="56228" y="545374"/>
                    <a:pt x="95343" y="577970"/>
                  </a:cubicBezTo>
                  <a:cubicBezTo>
                    <a:pt x="103308" y="584607"/>
                    <a:pt x="112596" y="589472"/>
                    <a:pt x="121222" y="595223"/>
                  </a:cubicBezTo>
                  <a:cubicBezTo>
                    <a:pt x="126973" y="603849"/>
                    <a:pt x="130379" y="614625"/>
                    <a:pt x="138475" y="621102"/>
                  </a:cubicBezTo>
                  <a:cubicBezTo>
                    <a:pt x="145575" y="626782"/>
                    <a:pt x="156221" y="625662"/>
                    <a:pt x="164354" y="629729"/>
                  </a:cubicBezTo>
                  <a:cubicBezTo>
                    <a:pt x="173627" y="634366"/>
                    <a:pt x="181607" y="641231"/>
                    <a:pt x="190233" y="646982"/>
                  </a:cubicBezTo>
                  <a:cubicBezTo>
                    <a:pt x="207486" y="644106"/>
                    <a:pt x="226348" y="646177"/>
                    <a:pt x="241992" y="638355"/>
                  </a:cubicBezTo>
                  <a:cubicBezTo>
                    <a:pt x="251265" y="633718"/>
                    <a:pt x="257707" y="622729"/>
                    <a:pt x="259245" y="612476"/>
                  </a:cubicBezTo>
                  <a:cubicBezTo>
                    <a:pt x="266509" y="564050"/>
                    <a:pt x="261538" y="514383"/>
                    <a:pt x="267871" y="465827"/>
                  </a:cubicBezTo>
                  <a:cubicBezTo>
                    <a:pt x="272865" y="427538"/>
                    <a:pt x="283893" y="415914"/>
                    <a:pt x="302377" y="388189"/>
                  </a:cubicBezTo>
                  <a:cubicBezTo>
                    <a:pt x="319170" y="337809"/>
                    <a:pt x="297864" y="384075"/>
                    <a:pt x="336882" y="345057"/>
                  </a:cubicBezTo>
                  <a:cubicBezTo>
                    <a:pt x="344213" y="337726"/>
                    <a:pt x="348109" y="327614"/>
                    <a:pt x="354135" y="319178"/>
                  </a:cubicBezTo>
                  <a:cubicBezTo>
                    <a:pt x="362492" y="307479"/>
                    <a:pt x="371388" y="296174"/>
                    <a:pt x="380014" y="284672"/>
                  </a:cubicBezTo>
                  <a:cubicBezTo>
                    <a:pt x="377139" y="227163"/>
                    <a:pt x="375980" y="169542"/>
                    <a:pt x="371388" y="112144"/>
                  </a:cubicBezTo>
                  <a:cubicBezTo>
                    <a:pt x="370219" y="97529"/>
                    <a:pt x="370036" y="81742"/>
                    <a:pt x="362762" y="69012"/>
                  </a:cubicBezTo>
                  <a:cubicBezTo>
                    <a:pt x="357618" y="60010"/>
                    <a:pt x="345509" y="57510"/>
                    <a:pt x="336882" y="51759"/>
                  </a:cubicBezTo>
                  <a:cubicBezTo>
                    <a:pt x="325380" y="54634"/>
                    <a:pt x="312671" y="54503"/>
                    <a:pt x="302377" y="60385"/>
                  </a:cubicBezTo>
                  <a:cubicBezTo>
                    <a:pt x="291784" y="66438"/>
                    <a:pt x="286425" y="79174"/>
                    <a:pt x="276497" y="86265"/>
                  </a:cubicBezTo>
                  <a:cubicBezTo>
                    <a:pt x="266033" y="93739"/>
                    <a:pt x="253494" y="97766"/>
                    <a:pt x="241992" y="103517"/>
                  </a:cubicBezTo>
                  <a:cubicBezTo>
                    <a:pt x="201735" y="97766"/>
                    <a:pt x="159801" y="99125"/>
                    <a:pt x="121222" y="86265"/>
                  </a:cubicBezTo>
                  <a:cubicBezTo>
                    <a:pt x="112595" y="83389"/>
                    <a:pt x="117640" y="67951"/>
                    <a:pt x="112596" y="60385"/>
                  </a:cubicBezTo>
                  <a:cubicBezTo>
                    <a:pt x="105829" y="50234"/>
                    <a:pt x="95343" y="43132"/>
                    <a:pt x="86716" y="34506"/>
                  </a:cubicBezTo>
                  <a:cubicBezTo>
                    <a:pt x="80965" y="23004"/>
                    <a:pt x="82323" y="0"/>
                    <a:pt x="69463" y="0"/>
                  </a:cubicBezTo>
                  <a:cubicBezTo>
                    <a:pt x="57607" y="0"/>
                    <a:pt x="65507" y="23609"/>
                    <a:pt x="60837" y="34506"/>
                  </a:cubicBezTo>
                  <a:cubicBezTo>
                    <a:pt x="49336" y="61343"/>
                    <a:pt x="40708" y="62303"/>
                    <a:pt x="17705" y="77638"/>
                  </a:cubicBezTo>
                  <a:cubicBezTo>
                    <a:pt x="-9118" y="117872"/>
                    <a:pt x="3327" y="156714"/>
                    <a:pt x="452" y="172529"/>
                  </a:cubicBezTo>
                  <a:close/>
                </a:path>
              </a:pathLst>
            </a:custGeom>
            <a:solidFill>
              <a:schemeClr val="accent2">
                <a:lumMod val="60000"/>
                <a:lumOff val="4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15" name="Down Arrow 14"/>
            <p:cNvSpPr/>
            <p:nvPr/>
          </p:nvSpPr>
          <p:spPr bwMode="auto">
            <a:xfrm>
              <a:off x="3723965" y="3890313"/>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5" name="Down Arrow 24"/>
            <p:cNvSpPr/>
            <p:nvPr/>
          </p:nvSpPr>
          <p:spPr bwMode="auto">
            <a:xfrm rot="20158787">
              <a:off x="3760379" y="4372649"/>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6" name="Down Arrow 25"/>
            <p:cNvSpPr/>
            <p:nvPr/>
          </p:nvSpPr>
          <p:spPr bwMode="auto">
            <a:xfrm rot="19915620">
              <a:off x="3953006" y="4482920"/>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4" name="Freeform 23"/>
            <p:cNvSpPr/>
            <p:nvPr/>
          </p:nvSpPr>
          <p:spPr bwMode="auto">
            <a:xfrm rot="1396558">
              <a:off x="4102450" y="3027672"/>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7" name="Freeform 26"/>
            <p:cNvSpPr/>
            <p:nvPr/>
          </p:nvSpPr>
          <p:spPr bwMode="auto">
            <a:xfrm rot="20348943">
              <a:off x="3125820" y="3024148"/>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8" name="Freeform 27"/>
            <p:cNvSpPr/>
            <p:nvPr/>
          </p:nvSpPr>
          <p:spPr bwMode="auto">
            <a:xfrm rot="18952104">
              <a:off x="2766765" y="3362734"/>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9" name="Freeform 28"/>
            <p:cNvSpPr/>
            <p:nvPr/>
          </p:nvSpPr>
          <p:spPr bwMode="auto">
            <a:xfrm rot="17643577">
              <a:off x="2507287" y="3817873"/>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41" name="Down Arrow 40"/>
            <p:cNvSpPr/>
            <p:nvPr/>
          </p:nvSpPr>
          <p:spPr bwMode="auto">
            <a:xfrm rot="18673026">
              <a:off x="3355231" y="4348120"/>
              <a:ext cx="222906" cy="635416"/>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43" name="Down Arrow 42"/>
            <p:cNvSpPr/>
            <p:nvPr/>
          </p:nvSpPr>
          <p:spPr bwMode="auto">
            <a:xfrm rot="20139018">
              <a:off x="3524900" y="3879610"/>
              <a:ext cx="120863" cy="834684"/>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44" name="Down Arrow 43"/>
            <p:cNvSpPr/>
            <p:nvPr/>
          </p:nvSpPr>
          <p:spPr bwMode="auto">
            <a:xfrm rot="2154463" flipH="1">
              <a:off x="4016782" y="3917629"/>
              <a:ext cx="149727" cy="51130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grpSp>
      <p:sp>
        <p:nvSpPr>
          <p:cNvPr id="45" name="Cross 44"/>
          <p:cNvSpPr/>
          <p:nvPr/>
        </p:nvSpPr>
        <p:spPr bwMode="auto">
          <a:xfrm rot="2610100">
            <a:off x="8187667" y="2712347"/>
            <a:ext cx="1296144" cy="1283442"/>
          </a:xfrm>
          <a:prstGeom prst="plus">
            <a:avLst>
              <a:gd name="adj" fmla="val 45436"/>
            </a:avLst>
          </a:prstGeom>
          <a:solidFill>
            <a:srgbClr val="FF0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pic>
        <p:nvPicPr>
          <p:cNvPr id="47" name="Picture 46"/>
          <p:cNvPicPr>
            <a:picLocks noChangeAspect="1"/>
          </p:cNvPicPr>
          <p:nvPr/>
        </p:nvPicPr>
        <p:blipFill>
          <a:blip r:embed="rId4"/>
          <a:stretch>
            <a:fillRect/>
          </a:stretch>
        </p:blipFill>
        <p:spPr>
          <a:xfrm>
            <a:off x="1226619" y="2832950"/>
            <a:ext cx="4141494" cy="3102045"/>
          </a:xfrm>
          <a:prstGeom prst="rect">
            <a:avLst/>
          </a:prstGeom>
        </p:spPr>
      </p:pic>
      <p:pic>
        <p:nvPicPr>
          <p:cNvPr id="4" name="Picture 3">
            <a:extLst>
              <a:ext uri="{FF2B5EF4-FFF2-40B4-BE49-F238E27FC236}">
                <a16:creationId xmlns:a16="http://schemas.microsoft.com/office/drawing/2014/main" id="{CCA2FD59-E550-7BEB-B65C-B8280733E24F}"/>
              </a:ext>
            </a:extLst>
          </p:cNvPr>
          <p:cNvPicPr>
            <a:picLocks noChangeAspect="1"/>
          </p:cNvPicPr>
          <p:nvPr/>
        </p:nvPicPr>
        <p:blipFill>
          <a:blip r:embed="rId5"/>
          <a:stretch>
            <a:fillRect/>
          </a:stretch>
        </p:blipFill>
        <p:spPr>
          <a:xfrm>
            <a:off x="9527003" y="2138774"/>
            <a:ext cx="964717" cy="1004440"/>
          </a:xfrm>
          <a:prstGeom prst="rect">
            <a:avLst/>
          </a:prstGeom>
        </p:spPr>
      </p:pic>
      <p:sp>
        <p:nvSpPr>
          <p:cNvPr id="5" name="TextBox 4">
            <a:extLst>
              <a:ext uri="{FF2B5EF4-FFF2-40B4-BE49-F238E27FC236}">
                <a16:creationId xmlns:a16="http://schemas.microsoft.com/office/drawing/2014/main" id="{055CDF66-50E9-C207-D42F-21A190D837CD}"/>
              </a:ext>
            </a:extLst>
          </p:cNvPr>
          <p:cNvSpPr txBox="1"/>
          <p:nvPr/>
        </p:nvSpPr>
        <p:spPr>
          <a:xfrm>
            <a:off x="2518148" y="1745207"/>
            <a:ext cx="1902187" cy="461665"/>
          </a:xfrm>
          <a:prstGeom prst="rect">
            <a:avLst/>
          </a:prstGeom>
          <a:noFill/>
        </p:spPr>
        <p:txBody>
          <a:bodyPr wrap="none" rtlCol="0">
            <a:spAutoFit/>
          </a:bodyPr>
          <a:lstStyle/>
          <a:p>
            <a:pPr algn="l"/>
            <a:r>
              <a:rPr lang="en-US" sz="2400" b="1" i="0" dirty="0" err="1">
                <a:solidFill>
                  <a:schemeClr val="accent4"/>
                </a:solidFill>
                <a:ea typeface="Arial" charset="0"/>
                <a:cs typeface="Arial" charset="0"/>
              </a:rPr>
              <a:t>Longtumoren</a:t>
            </a:r>
            <a:endParaRPr lang="en-GB" sz="2400" b="1" i="0" dirty="0" err="1">
              <a:solidFill>
                <a:schemeClr val="accent4"/>
              </a:solidFill>
              <a:ea typeface="Arial" charset="0"/>
              <a:cs typeface="Arial" charset="0"/>
            </a:endParaRPr>
          </a:p>
        </p:txBody>
      </p:sp>
    </p:spTree>
    <p:extLst>
      <p:ext uri="{BB962C8B-B14F-4D97-AF65-F5344CB8AC3E}">
        <p14:creationId xmlns:p14="http://schemas.microsoft.com/office/powerpoint/2010/main" val="328593333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xit" presetSubtype="0" fill="hold" nodeType="clickEffect">
                                  <p:stCondLst>
                                    <p:cond delay="0"/>
                                  </p:stCondLst>
                                  <p:childTnLst>
                                    <p:animEffect transition="out" filter="fade">
                                      <p:cBhvr>
                                        <p:cTn id="6" dur="500"/>
                                        <p:tgtEl>
                                          <p:spTgt spid="10"/>
                                        </p:tgtEl>
                                      </p:cBhvr>
                                    </p:animEffect>
                                    <p:set>
                                      <p:cBhvr>
                                        <p:cTn id="7" dur="1" fill="hold">
                                          <p:stCondLst>
                                            <p:cond delay="499"/>
                                          </p:stCondLst>
                                        </p:cTn>
                                        <p:tgtEl>
                                          <p:spTgt spid="10"/>
                                        </p:tgtEl>
                                        <p:attrNameLst>
                                          <p:attrName>style.visibility</p:attrName>
                                        </p:attrNameLst>
                                      </p:cBhvr>
                                      <p:to>
                                        <p:strVal val="hidden"/>
                                      </p:to>
                                    </p:set>
                                  </p:childTnLst>
                                </p:cTn>
                              </p:par>
                            </p:childTnLst>
                          </p:cTn>
                        </p:par>
                        <p:par>
                          <p:cTn id="8" fill="hold">
                            <p:stCondLst>
                              <p:cond delay="500"/>
                            </p:stCondLst>
                            <p:childTnLst>
                              <p:par>
                                <p:cTn id="9" presetID="10" presetClass="entr" presetSubtype="0" fill="hold" grpId="0" nodeType="afterEffect">
                                  <p:stCondLst>
                                    <p:cond delay="1000"/>
                                  </p:stCondLst>
                                  <p:childTnLst>
                                    <p:set>
                                      <p:cBhvr>
                                        <p:cTn id="10" dur="1" fill="hold">
                                          <p:stCondLst>
                                            <p:cond delay="0"/>
                                          </p:stCondLst>
                                        </p:cTn>
                                        <p:tgtEl>
                                          <p:spTgt spid="45"/>
                                        </p:tgtEl>
                                        <p:attrNameLst>
                                          <p:attrName>style.visibility</p:attrName>
                                        </p:attrNameLst>
                                      </p:cBhvr>
                                      <p:to>
                                        <p:strVal val="visible"/>
                                      </p:to>
                                    </p:set>
                                    <p:animEffect transition="in" filter="fade">
                                      <p:cBhvr>
                                        <p:cTn id="11" dur="500"/>
                                        <p:tgtEl>
                                          <p:spTgt spid="45"/>
                                        </p:tgtEl>
                                      </p:cBhvr>
                                    </p:animEffect>
                                  </p:childTnLst>
                                </p:cTn>
                              </p:par>
                            </p:childTnLst>
                          </p:cTn>
                        </p:par>
                        <p:par>
                          <p:cTn id="12" fill="hold">
                            <p:stCondLst>
                              <p:cond delay="2000"/>
                            </p:stCondLst>
                            <p:childTnLst>
                              <p:par>
                                <p:cTn id="13" presetID="10" presetClass="entr" presetSubtype="0" fill="hold" nodeType="afterEffect">
                                  <p:stCondLst>
                                    <p:cond delay="0"/>
                                  </p:stCondLst>
                                  <p:childTnLst>
                                    <p:set>
                                      <p:cBhvr>
                                        <p:cTn id="14" dur="1" fill="hold">
                                          <p:stCondLst>
                                            <p:cond delay="0"/>
                                          </p:stCondLst>
                                        </p:cTn>
                                        <p:tgtEl>
                                          <p:spTgt spid="4"/>
                                        </p:tgtEl>
                                        <p:attrNameLst>
                                          <p:attrName>style.visibility</p:attrName>
                                        </p:attrNameLst>
                                      </p:cBhvr>
                                      <p:to>
                                        <p:strVal val="visible"/>
                                      </p:to>
                                    </p:set>
                                    <p:animEffect transition="in" filter="fade">
                                      <p:cBhvr>
                                        <p:cTn id="15" dur="500"/>
                                        <p:tgtEl>
                                          <p:spTgt spid="4"/>
                                        </p:tgtEl>
                                      </p:cBhvr>
                                    </p:animEffect>
                                  </p:childTnLst>
                                </p:cTn>
                              </p:par>
                            </p:childTnLst>
                          </p:cTn>
                        </p:par>
                        <p:par>
                          <p:cTn id="16" fill="hold">
                            <p:stCondLst>
                              <p:cond delay="2500"/>
                            </p:stCondLst>
                            <p:childTnLst>
                              <p:par>
                                <p:cTn id="17" presetID="10" presetClass="exit" presetSubtype="0" fill="hold" grpId="0" nodeType="afterEffect">
                                  <p:stCondLst>
                                    <p:cond delay="0"/>
                                  </p:stCondLst>
                                  <p:childTnLst>
                                    <p:animEffect transition="out" filter="fade">
                                      <p:cBhvr>
                                        <p:cTn id="18" dur="500"/>
                                        <p:tgtEl>
                                          <p:spTgt spid="33"/>
                                        </p:tgtEl>
                                      </p:cBhvr>
                                    </p:animEffect>
                                    <p:set>
                                      <p:cBhvr>
                                        <p:cTn id="19" dur="1" fill="hold">
                                          <p:stCondLst>
                                            <p:cond delay="499"/>
                                          </p:stCondLst>
                                        </p:cTn>
                                        <p:tgtEl>
                                          <p:spTgt spid="33"/>
                                        </p:tgtEl>
                                        <p:attrNameLst>
                                          <p:attrName>style.visibility</p:attrName>
                                        </p:attrNameLst>
                                      </p:cBhvr>
                                      <p:to>
                                        <p:strVal val="hidden"/>
                                      </p:to>
                                    </p:set>
                                  </p:childTnLst>
                                </p:cTn>
                              </p:par>
                              <p:par>
                                <p:cTn id="20" presetID="10" presetClass="exit" presetSubtype="0" fill="hold" grpId="0" nodeType="withEffect">
                                  <p:stCondLst>
                                    <p:cond delay="0"/>
                                  </p:stCondLst>
                                  <p:childTnLst>
                                    <p:animEffect transition="out" filter="fade">
                                      <p:cBhvr>
                                        <p:cTn id="21" dur="500"/>
                                        <p:tgtEl>
                                          <p:spTgt spid="35"/>
                                        </p:tgtEl>
                                      </p:cBhvr>
                                    </p:animEffect>
                                    <p:set>
                                      <p:cBhvr>
                                        <p:cTn id="22" dur="1" fill="hold">
                                          <p:stCondLst>
                                            <p:cond delay="499"/>
                                          </p:stCondLst>
                                        </p:cTn>
                                        <p:tgtEl>
                                          <p:spTgt spid="35"/>
                                        </p:tgtEl>
                                        <p:attrNameLst>
                                          <p:attrName>style.visibility</p:attrName>
                                        </p:attrNameLst>
                                      </p:cBhvr>
                                      <p:to>
                                        <p:strVal val="hidden"/>
                                      </p:to>
                                    </p:set>
                                  </p:childTnLst>
                                </p:cTn>
                              </p:par>
                              <p:par>
                                <p:cTn id="23" presetID="10" presetClass="exit" presetSubtype="0" fill="hold" grpId="0" nodeType="withEffect">
                                  <p:stCondLst>
                                    <p:cond delay="0"/>
                                  </p:stCondLst>
                                  <p:childTnLst>
                                    <p:animEffect transition="out" filter="fade">
                                      <p:cBhvr>
                                        <p:cTn id="24" dur="500"/>
                                        <p:tgtEl>
                                          <p:spTgt spid="36"/>
                                        </p:tgtEl>
                                      </p:cBhvr>
                                    </p:animEffect>
                                    <p:set>
                                      <p:cBhvr>
                                        <p:cTn id="25" dur="1" fill="hold">
                                          <p:stCondLst>
                                            <p:cond delay="499"/>
                                          </p:stCondLst>
                                        </p:cTn>
                                        <p:tgtEl>
                                          <p:spTgt spid="36"/>
                                        </p:tgtEl>
                                        <p:attrNameLst>
                                          <p:attrName>style.visibility</p:attrName>
                                        </p:attrNameLst>
                                      </p:cBhvr>
                                      <p:to>
                                        <p:strVal val="hidden"/>
                                      </p:to>
                                    </p:set>
                                  </p:childTnLst>
                                </p:cTn>
                              </p:par>
                            </p:childTnLst>
                          </p:cTn>
                        </p:par>
                        <p:par>
                          <p:cTn id="26" fill="hold">
                            <p:stCondLst>
                              <p:cond delay="3000"/>
                            </p:stCondLst>
                            <p:childTnLst>
                              <p:par>
                                <p:cTn id="27" presetID="10" presetClass="entr" presetSubtype="0" fill="hold" nodeType="afterEffect">
                                  <p:stCondLst>
                                    <p:cond delay="500"/>
                                  </p:stCondLst>
                                  <p:childTnLst>
                                    <p:set>
                                      <p:cBhvr>
                                        <p:cTn id="28" dur="1" fill="hold">
                                          <p:stCondLst>
                                            <p:cond delay="0"/>
                                          </p:stCondLst>
                                        </p:cTn>
                                        <p:tgtEl>
                                          <p:spTgt spid="47"/>
                                        </p:tgtEl>
                                        <p:attrNameLst>
                                          <p:attrName>style.visibility</p:attrName>
                                        </p:attrNameLst>
                                      </p:cBhvr>
                                      <p:to>
                                        <p:strVal val="visible"/>
                                      </p:to>
                                    </p:set>
                                    <p:animEffect transition="in" filter="fade">
                                      <p:cBhvr>
                                        <p:cTn id="29" dur="500"/>
                                        <p:tgtEl>
                                          <p:spTgt spid="47"/>
                                        </p:tgtEl>
                                      </p:cBhvr>
                                    </p:animEffect>
                                  </p:childTnLst>
                                </p:cTn>
                              </p:par>
                            </p:childTnLst>
                          </p:cTn>
                        </p:par>
                        <p:par>
                          <p:cTn id="30" fill="hold">
                            <p:stCondLst>
                              <p:cond delay="4000"/>
                            </p:stCondLst>
                            <p:childTnLst>
                              <p:par>
                                <p:cTn id="31" presetID="10" presetClass="entr" presetSubtype="0" fill="hold" grpId="0" nodeType="afterEffect">
                                  <p:stCondLst>
                                    <p:cond delay="0"/>
                                  </p:stCondLst>
                                  <p:childTnLst>
                                    <p:set>
                                      <p:cBhvr>
                                        <p:cTn id="32" dur="1" fill="hold">
                                          <p:stCondLst>
                                            <p:cond delay="0"/>
                                          </p:stCondLst>
                                        </p:cTn>
                                        <p:tgtEl>
                                          <p:spTgt spid="5"/>
                                        </p:tgtEl>
                                        <p:attrNameLst>
                                          <p:attrName>style.visibility</p:attrName>
                                        </p:attrNameLst>
                                      </p:cBhvr>
                                      <p:to>
                                        <p:strVal val="visible"/>
                                      </p:to>
                                    </p:set>
                                    <p:animEffect transition="in" filter="fade">
                                      <p:cBhvr>
                                        <p:cTn id="33"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3" grpId="0" animBg="1"/>
      <p:bldP spid="35" grpId="0" animBg="1"/>
      <p:bldP spid="36" grpId="0" animBg="1"/>
      <p:bldP spid="45" grpId="0" animBg="1"/>
      <p:bldP spid="5" grpId="0"/>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Rectangle: Rounded Corners 11">
            <a:extLst>
              <a:ext uri="{FF2B5EF4-FFF2-40B4-BE49-F238E27FC236}">
                <a16:creationId xmlns:a16="http://schemas.microsoft.com/office/drawing/2014/main" id="{4860132A-4FAC-9DEC-6230-3C4F557C372C}"/>
              </a:ext>
            </a:extLst>
          </p:cNvPr>
          <p:cNvSpPr/>
          <p:nvPr/>
        </p:nvSpPr>
        <p:spPr>
          <a:xfrm>
            <a:off x="1044385" y="1490559"/>
            <a:ext cx="4579202" cy="515608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6" name="Rectangle 15">
            <a:extLst>
              <a:ext uri="{FF2B5EF4-FFF2-40B4-BE49-F238E27FC236}">
                <a16:creationId xmlns:a16="http://schemas.microsoft.com/office/drawing/2014/main" id="{1B07A05F-E1E4-4788-3EA4-78487A52C2A6}"/>
              </a:ext>
            </a:extLst>
          </p:cNvPr>
          <p:cNvSpPr/>
          <p:nvPr/>
        </p:nvSpPr>
        <p:spPr>
          <a:xfrm>
            <a:off x="1240575" y="1731671"/>
            <a:ext cx="4141494" cy="4702316"/>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3" name="Rectangle: Rounded Corners 12">
            <a:extLst>
              <a:ext uri="{FF2B5EF4-FFF2-40B4-BE49-F238E27FC236}">
                <a16:creationId xmlns:a16="http://schemas.microsoft.com/office/drawing/2014/main" id="{563AEBA6-F77F-3F92-2812-789A39948A98}"/>
              </a:ext>
            </a:extLst>
          </p:cNvPr>
          <p:cNvSpPr/>
          <p:nvPr/>
        </p:nvSpPr>
        <p:spPr>
          <a:xfrm>
            <a:off x="6738133" y="1490559"/>
            <a:ext cx="4579202" cy="515608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2" name="Title 1"/>
          <p:cNvSpPr>
            <a:spLocks noGrp="1"/>
          </p:cNvSpPr>
          <p:nvPr>
            <p:ph type="title"/>
          </p:nvPr>
        </p:nvSpPr>
        <p:spPr/>
        <p:txBody>
          <a:bodyPr>
            <a:normAutofit/>
          </a:bodyPr>
          <a:lstStyle/>
          <a:p>
            <a:r>
              <a:rPr lang="nl-NL"/>
              <a:t>Precision </a:t>
            </a:r>
            <a:r>
              <a:rPr lang="nl-NL" err="1"/>
              <a:t>medicine</a:t>
            </a:r>
            <a:endParaRPr lang="en-US"/>
          </a:p>
        </p:txBody>
      </p:sp>
      <p:grpSp>
        <p:nvGrpSpPr>
          <p:cNvPr id="40" name="Group 39">
            <a:extLst>
              <a:ext uri="{FF2B5EF4-FFF2-40B4-BE49-F238E27FC236}">
                <a16:creationId xmlns:a16="http://schemas.microsoft.com/office/drawing/2014/main" id="{91B02479-253F-28D0-C18B-912AC3FF31BC}"/>
              </a:ext>
            </a:extLst>
          </p:cNvPr>
          <p:cNvGrpSpPr/>
          <p:nvPr/>
        </p:nvGrpSpPr>
        <p:grpSpPr>
          <a:xfrm>
            <a:off x="6956987" y="1695043"/>
            <a:ext cx="4141494" cy="4702316"/>
            <a:chOff x="1240575" y="1731671"/>
            <a:chExt cx="4141494" cy="4702316"/>
          </a:xfrm>
        </p:grpSpPr>
        <p:sp>
          <p:nvSpPr>
            <p:cNvPr id="5" name="Rectangle 4">
              <a:extLst>
                <a:ext uri="{FF2B5EF4-FFF2-40B4-BE49-F238E27FC236}">
                  <a16:creationId xmlns:a16="http://schemas.microsoft.com/office/drawing/2014/main" id="{08D02CDF-5B4E-0DBC-1E80-6D2F9DDFD9AB}"/>
                </a:ext>
              </a:extLst>
            </p:cNvPr>
            <p:cNvSpPr/>
            <p:nvPr/>
          </p:nvSpPr>
          <p:spPr>
            <a:xfrm>
              <a:off x="1240575" y="1731671"/>
              <a:ext cx="4141494" cy="4702316"/>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pic>
          <p:nvPicPr>
            <p:cNvPr id="7" name="Picture 6">
              <a:extLst>
                <a:ext uri="{FF2B5EF4-FFF2-40B4-BE49-F238E27FC236}">
                  <a16:creationId xmlns:a16="http://schemas.microsoft.com/office/drawing/2014/main" id="{4BEDD4EF-F990-45C2-1CBE-8DE1BB7A1D98}"/>
                </a:ext>
              </a:extLst>
            </p:cNvPr>
            <p:cNvPicPr>
              <a:picLocks noChangeAspect="1"/>
            </p:cNvPicPr>
            <p:nvPr/>
          </p:nvPicPr>
          <p:blipFill>
            <a:blip r:embed="rId3"/>
            <a:stretch>
              <a:fillRect/>
            </a:stretch>
          </p:blipFill>
          <p:spPr>
            <a:xfrm>
              <a:off x="1569611" y="3023549"/>
              <a:ext cx="3532103" cy="3392908"/>
            </a:xfrm>
            <a:prstGeom prst="rect">
              <a:avLst/>
            </a:prstGeom>
          </p:spPr>
        </p:pic>
        <p:sp>
          <p:nvSpPr>
            <p:cNvPr id="17" name="Freeform 7">
              <a:extLst>
                <a:ext uri="{FF2B5EF4-FFF2-40B4-BE49-F238E27FC236}">
                  <a16:creationId xmlns:a16="http://schemas.microsoft.com/office/drawing/2014/main" id="{418172A5-AA05-F697-58C6-6C4616A259D7}"/>
                </a:ext>
              </a:extLst>
            </p:cNvPr>
            <p:cNvSpPr/>
            <p:nvPr/>
          </p:nvSpPr>
          <p:spPr bwMode="auto">
            <a:xfrm>
              <a:off x="2866608" y="2613617"/>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18" name="Freeform 8">
              <a:extLst>
                <a:ext uri="{FF2B5EF4-FFF2-40B4-BE49-F238E27FC236}">
                  <a16:creationId xmlns:a16="http://schemas.microsoft.com/office/drawing/2014/main" id="{57502F16-1FF0-232B-57CA-BB32201F3CAD}"/>
                </a:ext>
              </a:extLst>
            </p:cNvPr>
            <p:cNvSpPr/>
            <p:nvPr/>
          </p:nvSpPr>
          <p:spPr bwMode="auto">
            <a:xfrm>
              <a:off x="1714480" y="1832731"/>
              <a:ext cx="374125" cy="323491"/>
            </a:xfrm>
            <a:custGeom>
              <a:avLst/>
              <a:gdLst>
                <a:gd name="connsiteX0" fmla="*/ 452 w 380014"/>
                <a:gd name="connsiteY0" fmla="*/ 172529 h 646982"/>
                <a:gd name="connsiteX1" fmla="*/ 452 w 380014"/>
                <a:gd name="connsiteY1" fmla="*/ 172529 h 646982"/>
                <a:gd name="connsiteX2" fmla="*/ 34958 w 380014"/>
                <a:gd name="connsiteY2" fmla="*/ 465827 h 646982"/>
                <a:gd name="connsiteX3" fmla="*/ 52211 w 380014"/>
                <a:gd name="connsiteY3" fmla="*/ 500333 h 646982"/>
                <a:gd name="connsiteX4" fmla="*/ 95343 w 380014"/>
                <a:gd name="connsiteY4" fmla="*/ 577970 h 646982"/>
                <a:gd name="connsiteX5" fmla="*/ 121222 w 380014"/>
                <a:gd name="connsiteY5" fmla="*/ 595223 h 646982"/>
                <a:gd name="connsiteX6" fmla="*/ 138475 w 380014"/>
                <a:gd name="connsiteY6" fmla="*/ 621102 h 646982"/>
                <a:gd name="connsiteX7" fmla="*/ 164354 w 380014"/>
                <a:gd name="connsiteY7" fmla="*/ 629729 h 646982"/>
                <a:gd name="connsiteX8" fmla="*/ 190233 w 380014"/>
                <a:gd name="connsiteY8" fmla="*/ 646982 h 646982"/>
                <a:gd name="connsiteX9" fmla="*/ 241992 w 380014"/>
                <a:gd name="connsiteY9" fmla="*/ 638355 h 646982"/>
                <a:gd name="connsiteX10" fmla="*/ 259245 w 380014"/>
                <a:gd name="connsiteY10" fmla="*/ 612476 h 646982"/>
                <a:gd name="connsiteX11" fmla="*/ 267871 w 380014"/>
                <a:gd name="connsiteY11" fmla="*/ 465827 h 646982"/>
                <a:gd name="connsiteX12" fmla="*/ 302377 w 380014"/>
                <a:gd name="connsiteY12" fmla="*/ 388189 h 646982"/>
                <a:gd name="connsiteX13" fmla="*/ 336882 w 380014"/>
                <a:gd name="connsiteY13" fmla="*/ 345057 h 646982"/>
                <a:gd name="connsiteX14" fmla="*/ 354135 w 380014"/>
                <a:gd name="connsiteY14" fmla="*/ 319178 h 646982"/>
                <a:gd name="connsiteX15" fmla="*/ 380014 w 380014"/>
                <a:gd name="connsiteY15" fmla="*/ 284672 h 646982"/>
                <a:gd name="connsiteX16" fmla="*/ 371388 w 380014"/>
                <a:gd name="connsiteY16" fmla="*/ 112144 h 646982"/>
                <a:gd name="connsiteX17" fmla="*/ 362762 w 380014"/>
                <a:gd name="connsiteY17" fmla="*/ 69012 h 646982"/>
                <a:gd name="connsiteX18" fmla="*/ 336882 w 380014"/>
                <a:gd name="connsiteY18" fmla="*/ 51759 h 646982"/>
                <a:gd name="connsiteX19" fmla="*/ 302377 w 380014"/>
                <a:gd name="connsiteY19" fmla="*/ 60385 h 646982"/>
                <a:gd name="connsiteX20" fmla="*/ 276497 w 380014"/>
                <a:gd name="connsiteY20" fmla="*/ 86265 h 646982"/>
                <a:gd name="connsiteX21" fmla="*/ 241992 w 380014"/>
                <a:gd name="connsiteY21" fmla="*/ 103517 h 646982"/>
                <a:gd name="connsiteX22" fmla="*/ 121222 w 380014"/>
                <a:gd name="connsiteY22" fmla="*/ 86265 h 646982"/>
                <a:gd name="connsiteX23" fmla="*/ 112596 w 380014"/>
                <a:gd name="connsiteY23" fmla="*/ 60385 h 646982"/>
                <a:gd name="connsiteX24" fmla="*/ 86716 w 380014"/>
                <a:gd name="connsiteY24" fmla="*/ 34506 h 646982"/>
                <a:gd name="connsiteX25" fmla="*/ 69463 w 380014"/>
                <a:gd name="connsiteY25" fmla="*/ 0 h 646982"/>
                <a:gd name="connsiteX26" fmla="*/ 60837 w 380014"/>
                <a:gd name="connsiteY26" fmla="*/ 34506 h 646982"/>
                <a:gd name="connsiteX27" fmla="*/ 17705 w 380014"/>
                <a:gd name="connsiteY27" fmla="*/ 77638 h 646982"/>
                <a:gd name="connsiteX28" fmla="*/ 452 w 380014"/>
                <a:gd name="connsiteY28" fmla="*/ 172529 h 6469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Lst>
              <a:rect l="l" t="t" r="r" b="b"/>
              <a:pathLst>
                <a:path w="380014" h="646982">
                  <a:moveTo>
                    <a:pt x="452" y="172529"/>
                  </a:moveTo>
                  <a:lnTo>
                    <a:pt x="452" y="172529"/>
                  </a:lnTo>
                  <a:cubicBezTo>
                    <a:pt x="10745" y="316636"/>
                    <a:pt x="-5960" y="363531"/>
                    <a:pt x="34958" y="465827"/>
                  </a:cubicBezTo>
                  <a:cubicBezTo>
                    <a:pt x="39734" y="477767"/>
                    <a:pt x="47435" y="488393"/>
                    <a:pt x="52211" y="500333"/>
                  </a:cubicBezTo>
                  <a:cubicBezTo>
                    <a:pt x="73881" y="554508"/>
                    <a:pt x="56228" y="545374"/>
                    <a:pt x="95343" y="577970"/>
                  </a:cubicBezTo>
                  <a:cubicBezTo>
                    <a:pt x="103308" y="584607"/>
                    <a:pt x="112596" y="589472"/>
                    <a:pt x="121222" y="595223"/>
                  </a:cubicBezTo>
                  <a:cubicBezTo>
                    <a:pt x="126973" y="603849"/>
                    <a:pt x="130379" y="614625"/>
                    <a:pt x="138475" y="621102"/>
                  </a:cubicBezTo>
                  <a:cubicBezTo>
                    <a:pt x="145575" y="626782"/>
                    <a:pt x="156221" y="625662"/>
                    <a:pt x="164354" y="629729"/>
                  </a:cubicBezTo>
                  <a:cubicBezTo>
                    <a:pt x="173627" y="634366"/>
                    <a:pt x="181607" y="641231"/>
                    <a:pt x="190233" y="646982"/>
                  </a:cubicBezTo>
                  <a:cubicBezTo>
                    <a:pt x="207486" y="644106"/>
                    <a:pt x="226348" y="646177"/>
                    <a:pt x="241992" y="638355"/>
                  </a:cubicBezTo>
                  <a:cubicBezTo>
                    <a:pt x="251265" y="633718"/>
                    <a:pt x="257707" y="622729"/>
                    <a:pt x="259245" y="612476"/>
                  </a:cubicBezTo>
                  <a:cubicBezTo>
                    <a:pt x="266509" y="564050"/>
                    <a:pt x="261538" y="514383"/>
                    <a:pt x="267871" y="465827"/>
                  </a:cubicBezTo>
                  <a:cubicBezTo>
                    <a:pt x="272865" y="427538"/>
                    <a:pt x="283893" y="415914"/>
                    <a:pt x="302377" y="388189"/>
                  </a:cubicBezTo>
                  <a:cubicBezTo>
                    <a:pt x="319170" y="337809"/>
                    <a:pt x="297864" y="384075"/>
                    <a:pt x="336882" y="345057"/>
                  </a:cubicBezTo>
                  <a:cubicBezTo>
                    <a:pt x="344213" y="337726"/>
                    <a:pt x="348109" y="327614"/>
                    <a:pt x="354135" y="319178"/>
                  </a:cubicBezTo>
                  <a:cubicBezTo>
                    <a:pt x="362492" y="307479"/>
                    <a:pt x="371388" y="296174"/>
                    <a:pt x="380014" y="284672"/>
                  </a:cubicBezTo>
                  <a:cubicBezTo>
                    <a:pt x="377139" y="227163"/>
                    <a:pt x="375980" y="169542"/>
                    <a:pt x="371388" y="112144"/>
                  </a:cubicBezTo>
                  <a:cubicBezTo>
                    <a:pt x="370219" y="97529"/>
                    <a:pt x="370036" y="81742"/>
                    <a:pt x="362762" y="69012"/>
                  </a:cubicBezTo>
                  <a:cubicBezTo>
                    <a:pt x="357618" y="60010"/>
                    <a:pt x="345509" y="57510"/>
                    <a:pt x="336882" y="51759"/>
                  </a:cubicBezTo>
                  <a:cubicBezTo>
                    <a:pt x="325380" y="54634"/>
                    <a:pt x="312671" y="54503"/>
                    <a:pt x="302377" y="60385"/>
                  </a:cubicBezTo>
                  <a:cubicBezTo>
                    <a:pt x="291784" y="66438"/>
                    <a:pt x="286425" y="79174"/>
                    <a:pt x="276497" y="86265"/>
                  </a:cubicBezTo>
                  <a:cubicBezTo>
                    <a:pt x="266033" y="93739"/>
                    <a:pt x="253494" y="97766"/>
                    <a:pt x="241992" y="103517"/>
                  </a:cubicBezTo>
                  <a:cubicBezTo>
                    <a:pt x="201735" y="97766"/>
                    <a:pt x="159801" y="99125"/>
                    <a:pt x="121222" y="86265"/>
                  </a:cubicBezTo>
                  <a:cubicBezTo>
                    <a:pt x="112595" y="83389"/>
                    <a:pt x="117640" y="67951"/>
                    <a:pt x="112596" y="60385"/>
                  </a:cubicBezTo>
                  <a:cubicBezTo>
                    <a:pt x="105829" y="50234"/>
                    <a:pt x="95343" y="43132"/>
                    <a:pt x="86716" y="34506"/>
                  </a:cubicBezTo>
                  <a:cubicBezTo>
                    <a:pt x="80965" y="23004"/>
                    <a:pt x="82323" y="0"/>
                    <a:pt x="69463" y="0"/>
                  </a:cubicBezTo>
                  <a:cubicBezTo>
                    <a:pt x="57607" y="0"/>
                    <a:pt x="65507" y="23609"/>
                    <a:pt x="60837" y="34506"/>
                  </a:cubicBezTo>
                  <a:cubicBezTo>
                    <a:pt x="49336" y="61343"/>
                    <a:pt x="40708" y="62303"/>
                    <a:pt x="17705" y="77638"/>
                  </a:cubicBezTo>
                  <a:cubicBezTo>
                    <a:pt x="-9118" y="117872"/>
                    <a:pt x="3327" y="156714"/>
                    <a:pt x="452" y="172529"/>
                  </a:cubicBezTo>
                  <a:close/>
                </a:path>
              </a:pathLst>
            </a:custGeom>
            <a:solidFill>
              <a:schemeClr val="accent2">
                <a:lumMod val="60000"/>
                <a:lumOff val="4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19" name="Freeform 23">
              <a:extLst>
                <a:ext uri="{FF2B5EF4-FFF2-40B4-BE49-F238E27FC236}">
                  <a16:creationId xmlns:a16="http://schemas.microsoft.com/office/drawing/2014/main" id="{98458D69-3096-E5C6-D3E8-33760769CBD2}"/>
                </a:ext>
              </a:extLst>
            </p:cNvPr>
            <p:cNvSpPr/>
            <p:nvPr/>
          </p:nvSpPr>
          <p:spPr bwMode="auto">
            <a:xfrm rot="1396558">
              <a:off x="3407422" y="2716345"/>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0" name="Freeform 26">
              <a:extLst>
                <a:ext uri="{FF2B5EF4-FFF2-40B4-BE49-F238E27FC236}">
                  <a16:creationId xmlns:a16="http://schemas.microsoft.com/office/drawing/2014/main" id="{70588C48-B9FF-B3DC-2C2C-557DA48FB309}"/>
                </a:ext>
              </a:extLst>
            </p:cNvPr>
            <p:cNvSpPr/>
            <p:nvPr/>
          </p:nvSpPr>
          <p:spPr bwMode="auto">
            <a:xfrm rot="20348943">
              <a:off x="2430792" y="2712821"/>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1" name="Freeform 27">
              <a:extLst>
                <a:ext uri="{FF2B5EF4-FFF2-40B4-BE49-F238E27FC236}">
                  <a16:creationId xmlns:a16="http://schemas.microsoft.com/office/drawing/2014/main" id="{A78E19D2-BD44-27C6-7B7A-2ABA5069844D}"/>
                </a:ext>
              </a:extLst>
            </p:cNvPr>
            <p:cNvSpPr/>
            <p:nvPr/>
          </p:nvSpPr>
          <p:spPr bwMode="auto">
            <a:xfrm rot="18952104">
              <a:off x="2071737" y="3051407"/>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22" name="Freeform 28">
              <a:extLst>
                <a:ext uri="{FF2B5EF4-FFF2-40B4-BE49-F238E27FC236}">
                  <a16:creationId xmlns:a16="http://schemas.microsoft.com/office/drawing/2014/main" id="{6F316535-B37E-1A7B-FFB8-A070223CCBFD}"/>
                </a:ext>
              </a:extLst>
            </p:cNvPr>
            <p:cNvSpPr/>
            <p:nvPr/>
          </p:nvSpPr>
          <p:spPr bwMode="auto">
            <a:xfrm rot="17643577">
              <a:off x="1812259" y="3506546"/>
              <a:ext cx="434944" cy="875581"/>
            </a:xfrm>
            <a:custGeom>
              <a:avLst/>
              <a:gdLst>
                <a:gd name="connsiteX0" fmla="*/ 120770 w 889511"/>
                <a:gd name="connsiteY0" fmla="*/ 86264 h 1104181"/>
                <a:gd name="connsiteX1" fmla="*/ 120770 w 889511"/>
                <a:gd name="connsiteY1" fmla="*/ 86264 h 1104181"/>
                <a:gd name="connsiteX2" fmla="*/ 138023 w 889511"/>
                <a:gd name="connsiteY2" fmla="*/ 163902 h 1104181"/>
                <a:gd name="connsiteX3" fmla="*/ 146649 w 889511"/>
                <a:gd name="connsiteY3" fmla="*/ 189781 h 1104181"/>
                <a:gd name="connsiteX4" fmla="*/ 155276 w 889511"/>
                <a:gd name="connsiteY4" fmla="*/ 224287 h 1104181"/>
                <a:gd name="connsiteX5" fmla="*/ 189781 w 889511"/>
                <a:gd name="connsiteY5" fmla="*/ 276045 h 1104181"/>
                <a:gd name="connsiteX6" fmla="*/ 207034 w 889511"/>
                <a:gd name="connsiteY6" fmla="*/ 301924 h 1104181"/>
                <a:gd name="connsiteX7" fmla="*/ 258793 w 889511"/>
                <a:gd name="connsiteY7" fmla="*/ 353683 h 1104181"/>
                <a:gd name="connsiteX8" fmla="*/ 284672 w 889511"/>
                <a:gd name="connsiteY8" fmla="*/ 379562 h 1104181"/>
                <a:gd name="connsiteX9" fmla="*/ 336430 w 889511"/>
                <a:gd name="connsiteY9" fmla="*/ 396815 h 1104181"/>
                <a:gd name="connsiteX10" fmla="*/ 431321 w 889511"/>
                <a:gd name="connsiteY10" fmla="*/ 388189 h 1104181"/>
                <a:gd name="connsiteX11" fmla="*/ 457200 w 889511"/>
                <a:gd name="connsiteY11" fmla="*/ 370936 h 1104181"/>
                <a:gd name="connsiteX12" fmla="*/ 491706 w 889511"/>
                <a:gd name="connsiteY12" fmla="*/ 353683 h 1104181"/>
                <a:gd name="connsiteX13" fmla="*/ 517585 w 889511"/>
                <a:gd name="connsiteY13" fmla="*/ 336430 h 1104181"/>
                <a:gd name="connsiteX14" fmla="*/ 543464 w 889511"/>
                <a:gd name="connsiteY14" fmla="*/ 327804 h 1104181"/>
                <a:gd name="connsiteX15" fmla="*/ 577970 w 889511"/>
                <a:gd name="connsiteY15" fmla="*/ 310551 h 1104181"/>
                <a:gd name="connsiteX16" fmla="*/ 646981 w 889511"/>
                <a:gd name="connsiteY16" fmla="*/ 232913 h 1104181"/>
                <a:gd name="connsiteX17" fmla="*/ 707366 w 889511"/>
                <a:gd name="connsiteY17" fmla="*/ 172528 h 1104181"/>
                <a:gd name="connsiteX18" fmla="*/ 741872 w 889511"/>
                <a:gd name="connsiteY18" fmla="*/ 43132 h 1104181"/>
                <a:gd name="connsiteX19" fmla="*/ 750498 w 889511"/>
                <a:gd name="connsiteY19" fmla="*/ 17253 h 1104181"/>
                <a:gd name="connsiteX20" fmla="*/ 785004 w 889511"/>
                <a:gd name="connsiteY20" fmla="*/ 0 h 1104181"/>
                <a:gd name="connsiteX21" fmla="*/ 845389 w 889511"/>
                <a:gd name="connsiteY21" fmla="*/ 34506 h 1104181"/>
                <a:gd name="connsiteX22" fmla="*/ 879894 w 889511"/>
                <a:gd name="connsiteY22" fmla="*/ 86264 h 1104181"/>
                <a:gd name="connsiteX23" fmla="*/ 879894 w 889511"/>
                <a:gd name="connsiteY23" fmla="*/ 189781 h 1104181"/>
                <a:gd name="connsiteX24" fmla="*/ 854015 w 889511"/>
                <a:gd name="connsiteY24" fmla="*/ 241539 h 1104181"/>
                <a:gd name="connsiteX25" fmla="*/ 750498 w 889511"/>
                <a:gd name="connsiteY25" fmla="*/ 293298 h 1104181"/>
                <a:gd name="connsiteX26" fmla="*/ 724619 w 889511"/>
                <a:gd name="connsiteY26" fmla="*/ 301924 h 1104181"/>
                <a:gd name="connsiteX27" fmla="*/ 672860 w 889511"/>
                <a:gd name="connsiteY27" fmla="*/ 345056 h 1104181"/>
                <a:gd name="connsiteX28" fmla="*/ 655608 w 889511"/>
                <a:gd name="connsiteY28" fmla="*/ 370936 h 1104181"/>
                <a:gd name="connsiteX29" fmla="*/ 629728 w 889511"/>
                <a:gd name="connsiteY29" fmla="*/ 405441 h 1104181"/>
                <a:gd name="connsiteX30" fmla="*/ 595223 w 889511"/>
                <a:gd name="connsiteY30" fmla="*/ 483079 h 1104181"/>
                <a:gd name="connsiteX31" fmla="*/ 586596 w 889511"/>
                <a:gd name="connsiteY31" fmla="*/ 552090 h 1104181"/>
                <a:gd name="connsiteX32" fmla="*/ 569343 w 889511"/>
                <a:gd name="connsiteY32" fmla="*/ 819509 h 1104181"/>
                <a:gd name="connsiteX33" fmla="*/ 543464 w 889511"/>
                <a:gd name="connsiteY33" fmla="*/ 948906 h 1104181"/>
                <a:gd name="connsiteX34" fmla="*/ 526211 w 889511"/>
                <a:gd name="connsiteY34" fmla="*/ 1009290 h 1104181"/>
                <a:gd name="connsiteX35" fmla="*/ 517585 w 889511"/>
                <a:gd name="connsiteY35" fmla="*/ 1035170 h 1104181"/>
                <a:gd name="connsiteX36" fmla="*/ 491706 w 889511"/>
                <a:gd name="connsiteY36" fmla="*/ 1061049 h 1104181"/>
                <a:gd name="connsiteX37" fmla="*/ 474453 w 889511"/>
                <a:gd name="connsiteY37" fmla="*/ 1086928 h 1104181"/>
                <a:gd name="connsiteX38" fmla="*/ 422694 w 889511"/>
                <a:gd name="connsiteY38" fmla="*/ 1104181 h 1104181"/>
                <a:gd name="connsiteX39" fmla="*/ 362309 w 889511"/>
                <a:gd name="connsiteY39" fmla="*/ 1086928 h 1104181"/>
                <a:gd name="connsiteX40" fmla="*/ 327804 w 889511"/>
                <a:gd name="connsiteY40" fmla="*/ 1000664 h 1104181"/>
                <a:gd name="connsiteX41" fmla="*/ 336430 w 889511"/>
                <a:gd name="connsiteY41" fmla="*/ 776377 h 1104181"/>
                <a:gd name="connsiteX42" fmla="*/ 353683 w 889511"/>
                <a:gd name="connsiteY42" fmla="*/ 724619 h 1104181"/>
                <a:gd name="connsiteX43" fmla="*/ 362309 w 889511"/>
                <a:gd name="connsiteY43" fmla="*/ 698739 h 1104181"/>
                <a:gd name="connsiteX44" fmla="*/ 370936 w 889511"/>
                <a:gd name="connsiteY44" fmla="*/ 672860 h 1104181"/>
                <a:gd name="connsiteX45" fmla="*/ 345057 w 889511"/>
                <a:gd name="connsiteY45" fmla="*/ 595223 h 1104181"/>
                <a:gd name="connsiteX46" fmla="*/ 319177 w 889511"/>
                <a:gd name="connsiteY46" fmla="*/ 586596 h 1104181"/>
                <a:gd name="connsiteX47" fmla="*/ 284672 w 889511"/>
                <a:gd name="connsiteY47" fmla="*/ 552090 h 1104181"/>
                <a:gd name="connsiteX48" fmla="*/ 258793 w 889511"/>
                <a:gd name="connsiteY48" fmla="*/ 526211 h 1104181"/>
                <a:gd name="connsiteX49" fmla="*/ 189781 w 889511"/>
                <a:gd name="connsiteY49" fmla="*/ 508958 h 1104181"/>
                <a:gd name="connsiteX50" fmla="*/ 138023 w 889511"/>
                <a:gd name="connsiteY50" fmla="*/ 474453 h 1104181"/>
                <a:gd name="connsiteX51" fmla="*/ 112143 w 889511"/>
                <a:gd name="connsiteY51" fmla="*/ 457200 h 1104181"/>
                <a:gd name="connsiteX52" fmla="*/ 77638 w 889511"/>
                <a:gd name="connsiteY52" fmla="*/ 396815 h 1104181"/>
                <a:gd name="connsiteX53" fmla="*/ 69011 w 889511"/>
                <a:gd name="connsiteY53" fmla="*/ 370936 h 1104181"/>
                <a:gd name="connsiteX54" fmla="*/ 34506 w 889511"/>
                <a:gd name="connsiteY54" fmla="*/ 319177 h 1104181"/>
                <a:gd name="connsiteX55" fmla="*/ 0 w 889511"/>
                <a:gd name="connsiteY55" fmla="*/ 207034 h 1104181"/>
                <a:gd name="connsiteX56" fmla="*/ 8626 w 889511"/>
                <a:gd name="connsiteY56" fmla="*/ 17253 h 1104181"/>
                <a:gd name="connsiteX57" fmla="*/ 34506 w 889511"/>
                <a:gd name="connsiteY57" fmla="*/ 0 h 1104181"/>
                <a:gd name="connsiteX58" fmla="*/ 60385 w 889511"/>
                <a:gd name="connsiteY58" fmla="*/ 17253 h 1104181"/>
                <a:gd name="connsiteX59" fmla="*/ 94891 w 889511"/>
                <a:gd name="connsiteY59" fmla="*/ 25879 h 1104181"/>
                <a:gd name="connsiteX60" fmla="*/ 120770 w 889511"/>
                <a:gd name="connsiteY60" fmla="*/ 86264 h 110418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Lst>
              <a:rect l="l" t="t" r="r" b="b"/>
              <a:pathLst>
                <a:path w="889511" h="1104181">
                  <a:moveTo>
                    <a:pt x="120770" y="86264"/>
                  </a:moveTo>
                  <a:lnTo>
                    <a:pt x="120770" y="86264"/>
                  </a:lnTo>
                  <a:cubicBezTo>
                    <a:pt x="126521" y="112143"/>
                    <a:pt x="131593" y="138183"/>
                    <a:pt x="138023" y="163902"/>
                  </a:cubicBezTo>
                  <a:cubicBezTo>
                    <a:pt x="140228" y="172723"/>
                    <a:pt x="144151" y="181038"/>
                    <a:pt x="146649" y="189781"/>
                  </a:cubicBezTo>
                  <a:cubicBezTo>
                    <a:pt x="149906" y="201181"/>
                    <a:pt x="149974" y="213683"/>
                    <a:pt x="155276" y="224287"/>
                  </a:cubicBezTo>
                  <a:cubicBezTo>
                    <a:pt x="164549" y="242833"/>
                    <a:pt x="178279" y="258792"/>
                    <a:pt x="189781" y="276045"/>
                  </a:cubicBezTo>
                  <a:cubicBezTo>
                    <a:pt x="195532" y="284671"/>
                    <a:pt x="199703" y="294593"/>
                    <a:pt x="207034" y="301924"/>
                  </a:cubicBezTo>
                  <a:lnTo>
                    <a:pt x="258793" y="353683"/>
                  </a:lnTo>
                  <a:cubicBezTo>
                    <a:pt x="267419" y="362309"/>
                    <a:pt x="273099" y="375704"/>
                    <a:pt x="284672" y="379562"/>
                  </a:cubicBezTo>
                  <a:lnTo>
                    <a:pt x="336430" y="396815"/>
                  </a:lnTo>
                  <a:cubicBezTo>
                    <a:pt x="368060" y="393940"/>
                    <a:pt x="400265" y="394844"/>
                    <a:pt x="431321" y="388189"/>
                  </a:cubicBezTo>
                  <a:cubicBezTo>
                    <a:pt x="441458" y="386017"/>
                    <a:pt x="448198" y="376080"/>
                    <a:pt x="457200" y="370936"/>
                  </a:cubicBezTo>
                  <a:cubicBezTo>
                    <a:pt x="468365" y="364556"/>
                    <a:pt x="480541" y="360063"/>
                    <a:pt x="491706" y="353683"/>
                  </a:cubicBezTo>
                  <a:cubicBezTo>
                    <a:pt x="500708" y="348539"/>
                    <a:pt x="508312" y="341067"/>
                    <a:pt x="517585" y="336430"/>
                  </a:cubicBezTo>
                  <a:cubicBezTo>
                    <a:pt x="525718" y="332364"/>
                    <a:pt x="535106" y="331386"/>
                    <a:pt x="543464" y="327804"/>
                  </a:cubicBezTo>
                  <a:cubicBezTo>
                    <a:pt x="555284" y="322738"/>
                    <a:pt x="566468" y="316302"/>
                    <a:pt x="577970" y="310551"/>
                  </a:cubicBezTo>
                  <a:cubicBezTo>
                    <a:pt x="640290" y="217071"/>
                    <a:pt x="582132" y="291867"/>
                    <a:pt x="646981" y="232913"/>
                  </a:cubicBezTo>
                  <a:cubicBezTo>
                    <a:pt x="668044" y="213765"/>
                    <a:pt x="707366" y="172528"/>
                    <a:pt x="707366" y="172528"/>
                  </a:cubicBezTo>
                  <a:cubicBezTo>
                    <a:pt x="740272" y="73813"/>
                    <a:pt x="710077" y="170312"/>
                    <a:pt x="741872" y="43132"/>
                  </a:cubicBezTo>
                  <a:cubicBezTo>
                    <a:pt x="744077" y="34311"/>
                    <a:pt x="744068" y="23683"/>
                    <a:pt x="750498" y="17253"/>
                  </a:cubicBezTo>
                  <a:cubicBezTo>
                    <a:pt x="759591" y="8160"/>
                    <a:pt x="773502" y="5751"/>
                    <a:pt x="785004" y="0"/>
                  </a:cubicBezTo>
                  <a:cubicBezTo>
                    <a:pt x="822160" y="9289"/>
                    <a:pt x="820578" y="2606"/>
                    <a:pt x="845389" y="34506"/>
                  </a:cubicBezTo>
                  <a:cubicBezTo>
                    <a:pt x="858119" y="50873"/>
                    <a:pt x="879894" y="86264"/>
                    <a:pt x="879894" y="86264"/>
                  </a:cubicBezTo>
                  <a:cubicBezTo>
                    <a:pt x="892785" y="137826"/>
                    <a:pt x="892649" y="119632"/>
                    <a:pt x="879894" y="189781"/>
                  </a:cubicBezTo>
                  <a:cubicBezTo>
                    <a:pt x="877067" y="205332"/>
                    <a:pt x="865962" y="231085"/>
                    <a:pt x="854015" y="241539"/>
                  </a:cubicBezTo>
                  <a:cubicBezTo>
                    <a:pt x="812851" y="277557"/>
                    <a:pt x="799365" y="277009"/>
                    <a:pt x="750498" y="293298"/>
                  </a:cubicBezTo>
                  <a:lnTo>
                    <a:pt x="724619" y="301924"/>
                  </a:lnTo>
                  <a:cubicBezTo>
                    <a:pt x="699176" y="318886"/>
                    <a:pt x="693614" y="320151"/>
                    <a:pt x="672860" y="345056"/>
                  </a:cubicBezTo>
                  <a:cubicBezTo>
                    <a:pt x="666223" y="353021"/>
                    <a:pt x="661634" y="362499"/>
                    <a:pt x="655608" y="370936"/>
                  </a:cubicBezTo>
                  <a:cubicBezTo>
                    <a:pt x="647251" y="382635"/>
                    <a:pt x="638355" y="393939"/>
                    <a:pt x="629728" y="405441"/>
                  </a:cubicBezTo>
                  <a:cubicBezTo>
                    <a:pt x="609198" y="467036"/>
                    <a:pt x="622564" y="442068"/>
                    <a:pt x="595223" y="483079"/>
                  </a:cubicBezTo>
                  <a:cubicBezTo>
                    <a:pt x="592347" y="506083"/>
                    <a:pt x="587998" y="528950"/>
                    <a:pt x="586596" y="552090"/>
                  </a:cubicBezTo>
                  <a:cubicBezTo>
                    <a:pt x="575830" y="729721"/>
                    <a:pt x="590149" y="710280"/>
                    <a:pt x="569343" y="819509"/>
                  </a:cubicBezTo>
                  <a:cubicBezTo>
                    <a:pt x="561113" y="862719"/>
                    <a:pt x="557373" y="907177"/>
                    <a:pt x="543464" y="948906"/>
                  </a:cubicBezTo>
                  <a:cubicBezTo>
                    <a:pt x="522784" y="1010949"/>
                    <a:pt x="547872" y="933476"/>
                    <a:pt x="526211" y="1009290"/>
                  </a:cubicBezTo>
                  <a:cubicBezTo>
                    <a:pt x="523713" y="1018033"/>
                    <a:pt x="522629" y="1027604"/>
                    <a:pt x="517585" y="1035170"/>
                  </a:cubicBezTo>
                  <a:cubicBezTo>
                    <a:pt x="510818" y="1045321"/>
                    <a:pt x="499516" y="1051677"/>
                    <a:pt x="491706" y="1061049"/>
                  </a:cubicBezTo>
                  <a:cubicBezTo>
                    <a:pt x="485069" y="1069014"/>
                    <a:pt x="483245" y="1081433"/>
                    <a:pt x="474453" y="1086928"/>
                  </a:cubicBezTo>
                  <a:cubicBezTo>
                    <a:pt x="459031" y="1096567"/>
                    <a:pt x="422694" y="1104181"/>
                    <a:pt x="422694" y="1104181"/>
                  </a:cubicBezTo>
                  <a:cubicBezTo>
                    <a:pt x="402566" y="1098430"/>
                    <a:pt x="379727" y="1098540"/>
                    <a:pt x="362309" y="1086928"/>
                  </a:cubicBezTo>
                  <a:cubicBezTo>
                    <a:pt x="351430" y="1079676"/>
                    <a:pt x="328608" y="1003075"/>
                    <a:pt x="327804" y="1000664"/>
                  </a:cubicBezTo>
                  <a:cubicBezTo>
                    <a:pt x="330679" y="925902"/>
                    <a:pt x="329447" y="850868"/>
                    <a:pt x="336430" y="776377"/>
                  </a:cubicBezTo>
                  <a:cubicBezTo>
                    <a:pt x="338127" y="758270"/>
                    <a:pt x="347932" y="741872"/>
                    <a:pt x="353683" y="724619"/>
                  </a:cubicBezTo>
                  <a:lnTo>
                    <a:pt x="362309" y="698739"/>
                  </a:lnTo>
                  <a:lnTo>
                    <a:pt x="370936" y="672860"/>
                  </a:lnTo>
                  <a:cubicBezTo>
                    <a:pt x="366727" y="647607"/>
                    <a:pt x="368382" y="613883"/>
                    <a:pt x="345057" y="595223"/>
                  </a:cubicBezTo>
                  <a:cubicBezTo>
                    <a:pt x="337956" y="589542"/>
                    <a:pt x="327804" y="589472"/>
                    <a:pt x="319177" y="586596"/>
                  </a:cubicBezTo>
                  <a:cubicBezTo>
                    <a:pt x="302747" y="537303"/>
                    <a:pt x="324106" y="578380"/>
                    <a:pt x="284672" y="552090"/>
                  </a:cubicBezTo>
                  <a:cubicBezTo>
                    <a:pt x="274521" y="545323"/>
                    <a:pt x="268944" y="532978"/>
                    <a:pt x="258793" y="526211"/>
                  </a:cubicBezTo>
                  <a:cubicBezTo>
                    <a:pt x="247427" y="518634"/>
                    <a:pt x="195998" y="510202"/>
                    <a:pt x="189781" y="508958"/>
                  </a:cubicBezTo>
                  <a:lnTo>
                    <a:pt x="138023" y="474453"/>
                  </a:lnTo>
                  <a:lnTo>
                    <a:pt x="112143" y="457200"/>
                  </a:lnTo>
                  <a:cubicBezTo>
                    <a:pt x="94817" y="431209"/>
                    <a:pt x="90772" y="427460"/>
                    <a:pt x="77638" y="396815"/>
                  </a:cubicBezTo>
                  <a:cubicBezTo>
                    <a:pt x="74056" y="388457"/>
                    <a:pt x="73427" y="378885"/>
                    <a:pt x="69011" y="370936"/>
                  </a:cubicBezTo>
                  <a:cubicBezTo>
                    <a:pt x="58941" y="352810"/>
                    <a:pt x="41063" y="338848"/>
                    <a:pt x="34506" y="319177"/>
                  </a:cubicBezTo>
                  <a:cubicBezTo>
                    <a:pt x="10633" y="247559"/>
                    <a:pt x="22249" y="284905"/>
                    <a:pt x="0" y="207034"/>
                  </a:cubicBezTo>
                  <a:cubicBezTo>
                    <a:pt x="2875" y="143774"/>
                    <a:pt x="-1785" y="79717"/>
                    <a:pt x="8626" y="17253"/>
                  </a:cubicBezTo>
                  <a:cubicBezTo>
                    <a:pt x="10330" y="7026"/>
                    <a:pt x="24138" y="0"/>
                    <a:pt x="34506" y="0"/>
                  </a:cubicBezTo>
                  <a:cubicBezTo>
                    <a:pt x="44874" y="0"/>
                    <a:pt x="50856" y="13169"/>
                    <a:pt x="60385" y="17253"/>
                  </a:cubicBezTo>
                  <a:cubicBezTo>
                    <a:pt x="71282" y="21923"/>
                    <a:pt x="83389" y="23004"/>
                    <a:pt x="94891" y="25879"/>
                  </a:cubicBezTo>
                  <a:cubicBezTo>
                    <a:pt x="137371" y="89601"/>
                    <a:pt x="116457" y="76200"/>
                    <a:pt x="120770" y="86264"/>
                  </a:cubicBezTo>
                  <a:close/>
                </a:path>
              </a:pathLst>
            </a:custGeom>
            <a:solidFill>
              <a:schemeClr val="tx1">
                <a:lumMod val="20000"/>
                <a:lumOff val="80000"/>
              </a:schemeClr>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grpSp>
          <p:nvGrpSpPr>
            <p:cNvPr id="23" name="Group 22">
              <a:extLst>
                <a:ext uri="{FF2B5EF4-FFF2-40B4-BE49-F238E27FC236}">
                  <a16:creationId xmlns:a16="http://schemas.microsoft.com/office/drawing/2014/main" id="{6EDB89AC-EAD9-5B79-6A44-BEB64077101A}"/>
                </a:ext>
              </a:extLst>
            </p:cNvPr>
            <p:cNvGrpSpPr/>
            <p:nvPr/>
          </p:nvGrpSpPr>
          <p:grpSpPr>
            <a:xfrm>
              <a:off x="2453948" y="3568283"/>
              <a:ext cx="1017533" cy="968661"/>
              <a:chOff x="2453948" y="3568283"/>
              <a:chExt cx="1017533" cy="968661"/>
            </a:xfrm>
          </p:grpSpPr>
          <p:sp>
            <p:nvSpPr>
              <p:cNvPr id="30" name="Down Arrow 14">
                <a:extLst>
                  <a:ext uri="{FF2B5EF4-FFF2-40B4-BE49-F238E27FC236}">
                    <a16:creationId xmlns:a16="http://schemas.microsoft.com/office/drawing/2014/main" id="{30F18B96-366D-C882-7084-EA18A267FF2D}"/>
                  </a:ext>
                </a:extLst>
              </p:cNvPr>
              <p:cNvSpPr/>
              <p:nvPr/>
            </p:nvSpPr>
            <p:spPr bwMode="auto">
              <a:xfrm>
                <a:off x="3028937" y="3578986"/>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31" name="Down Arrow 24">
                <a:extLst>
                  <a:ext uri="{FF2B5EF4-FFF2-40B4-BE49-F238E27FC236}">
                    <a16:creationId xmlns:a16="http://schemas.microsoft.com/office/drawing/2014/main" id="{0E2CE6C0-5802-3272-B85F-578268EE2F13}"/>
                  </a:ext>
                </a:extLst>
              </p:cNvPr>
              <p:cNvSpPr/>
              <p:nvPr/>
            </p:nvSpPr>
            <p:spPr bwMode="auto">
              <a:xfrm rot="20158787">
                <a:off x="3065351" y="4061322"/>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32" name="Down Arrow 25">
                <a:extLst>
                  <a:ext uri="{FF2B5EF4-FFF2-40B4-BE49-F238E27FC236}">
                    <a16:creationId xmlns:a16="http://schemas.microsoft.com/office/drawing/2014/main" id="{C68A4600-1749-0AC4-52E7-CD61D6EA8E6A}"/>
                  </a:ext>
                </a:extLst>
              </p:cNvPr>
              <p:cNvSpPr/>
              <p:nvPr/>
            </p:nvSpPr>
            <p:spPr bwMode="auto">
              <a:xfrm rot="19915620">
                <a:off x="3257978" y="4171593"/>
                <a:ext cx="152016" cy="36535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34" name="Down Arrow 40">
                <a:extLst>
                  <a:ext uri="{FF2B5EF4-FFF2-40B4-BE49-F238E27FC236}">
                    <a16:creationId xmlns:a16="http://schemas.microsoft.com/office/drawing/2014/main" id="{3FB44A7B-1A6E-7A68-019C-6091A0B862F1}"/>
                  </a:ext>
                </a:extLst>
              </p:cNvPr>
              <p:cNvSpPr/>
              <p:nvPr/>
            </p:nvSpPr>
            <p:spPr bwMode="auto">
              <a:xfrm rot="18673026">
                <a:off x="2660203" y="4036793"/>
                <a:ext cx="222906" cy="635416"/>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37" name="Down Arrow 42">
                <a:extLst>
                  <a:ext uri="{FF2B5EF4-FFF2-40B4-BE49-F238E27FC236}">
                    <a16:creationId xmlns:a16="http://schemas.microsoft.com/office/drawing/2014/main" id="{D4E08F26-35E6-D6BE-5AD2-7DDBA926C1F0}"/>
                  </a:ext>
                </a:extLst>
              </p:cNvPr>
              <p:cNvSpPr/>
              <p:nvPr/>
            </p:nvSpPr>
            <p:spPr bwMode="auto">
              <a:xfrm rot="20139018">
                <a:off x="2829872" y="3568283"/>
                <a:ext cx="120863" cy="834684"/>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38" name="Down Arrow 43">
                <a:extLst>
                  <a:ext uri="{FF2B5EF4-FFF2-40B4-BE49-F238E27FC236}">
                    <a16:creationId xmlns:a16="http://schemas.microsoft.com/office/drawing/2014/main" id="{03136261-5339-B782-0294-EA4A47680742}"/>
                  </a:ext>
                </a:extLst>
              </p:cNvPr>
              <p:cNvSpPr/>
              <p:nvPr/>
            </p:nvSpPr>
            <p:spPr bwMode="auto">
              <a:xfrm rot="2154463" flipH="1">
                <a:off x="3321754" y="3606302"/>
                <a:ext cx="149727" cy="511301"/>
              </a:xfrm>
              <a:prstGeom prst="downArrow">
                <a:avLst/>
              </a:prstGeom>
              <a:solidFill>
                <a:srgbClr val="FFC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grpSp>
        <p:sp>
          <p:nvSpPr>
            <p:cNvPr id="39" name="Cross 38">
              <a:extLst>
                <a:ext uri="{FF2B5EF4-FFF2-40B4-BE49-F238E27FC236}">
                  <a16:creationId xmlns:a16="http://schemas.microsoft.com/office/drawing/2014/main" id="{C6A7CB94-CA7A-B263-3F20-DBA7A88231AF}"/>
                </a:ext>
              </a:extLst>
            </p:cNvPr>
            <p:cNvSpPr/>
            <p:nvPr/>
          </p:nvSpPr>
          <p:spPr bwMode="auto">
            <a:xfrm rot="2610100">
              <a:off x="2394216" y="3426882"/>
              <a:ext cx="1296144" cy="1283442"/>
            </a:xfrm>
            <a:prstGeom prst="plus">
              <a:avLst>
                <a:gd name="adj" fmla="val 45436"/>
              </a:avLst>
            </a:prstGeom>
            <a:solidFill>
              <a:srgbClr val="FF0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grpSp>
      <p:pic>
        <p:nvPicPr>
          <p:cNvPr id="4" name="Picture 3">
            <a:extLst>
              <a:ext uri="{FF2B5EF4-FFF2-40B4-BE49-F238E27FC236}">
                <a16:creationId xmlns:a16="http://schemas.microsoft.com/office/drawing/2014/main" id="{CCA2FD59-E550-7BEB-B65C-B8280733E24F}"/>
              </a:ext>
            </a:extLst>
          </p:cNvPr>
          <p:cNvPicPr>
            <a:picLocks noChangeAspect="1"/>
          </p:cNvPicPr>
          <p:nvPr/>
        </p:nvPicPr>
        <p:blipFill>
          <a:blip r:embed="rId4"/>
          <a:stretch>
            <a:fillRect/>
          </a:stretch>
        </p:blipFill>
        <p:spPr>
          <a:xfrm>
            <a:off x="9798522" y="2111397"/>
            <a:ext cx="964717" cy="1004440"/>
          </a:xfrm>
          <a:prstGeom prst="rect">
            <a:avLst/>
          </a:prstGeom>
        </p:spPr>
      </p:pic>
      <p:pic>
        <p:nvPicPr>
          <p:cNvPr id="42" name="Picture 2" descr="Full-size image (17 K)">
            <a:extLst>
              <a:ext uri="{FF2B5EF4-FFF2-40B4-BE49-F238E27FC236}">
                <a16:creationId xmlns:a16="http://schemas.microsoft.com/office/drawing/2014/main" id="{35D57E87-347C-0073-C753-E0A9642E4BB9}"/>
              </a:ext>
            </a:extLst>
          </p:cNvPr>
          <p:cNvPicPr>
            <a:picLocks noChangeAspect="1" noChangeArrowheads="1"/>
          </p:cNvPicPr>
          <p:nvPr/>
        </p:nvPicPr>
        <p:blipFill>
          <a:blip r:embed="rId5"/>
          <a:srcRect/>
          <a:stretch>
            <a:fillRect/>
          </a:stretch>
        </p:blipFill>
        <p:spPr bwMode="auto">
          <a:xfrm>
            <a:off x="1398449" y="2627457"/>
            <a:ext cx="3882461" cy="2953909"/>
          </a:xfrm>
          <a:prstGeom prst="rect">
            <a:avLst/>
          </a:prstGeom>
          <a:noFill/>
        </p:spPr>
      </p:pic>
      <p:sp>
        <p:nvSpPr>
          <p:cNvPr id="46" name="TextBox 45">
            <a:extLst>
              <a:ext uri="{FF2B5EF4-FFF2-40B4-BE49-F238E27FC236}">
                <a16:creationId xmlns:a16="http://schemas.microsoft.com/office/drawing/2014/main" id="{DBEA3973-791B-C36B-07B0-18F2C022E528}"/>
              </a:ext>
            </a:extLst>
          </p:cNvPr>
          <p:cNvSpPr txBox="1"/>
          <p:nvPr/>
        </p:nvSpPr>
        <p:spPr>
          <a:xfrm>
            <a:off x="2235241" y="1927075"/>
            <a:ext cx="2194319" cy="461665"/>
          </a:xfrm>
          <a:prstGeom prst="rect">
            <a:avLst/>
          </a:prstGeom>
          <a:noFill/>
        </p:spPr>
        <p:txBody>
          <a:bodyPr wrap="none" rtlCol="0">
            <a:spAutoFit/>
          </a:bodyPr>
          <a:lstStyle/>
          <a:p>
            <a:pPr algn="l"/>
            <a:r>
              <a:rPr lang="en-US" sz="2400" b="1" i="0" dirty="0" err="1">
                <a:solidFill>
                  <a:srgbClr val="C00000"/>
                </a:solidFill>
                <a:ea typeface="Arial" charset="0"/>
                <a:cs typeface="Arial" charset="0"/>
              </a:rPr>
              <a:t>Hersentumoren</a:t>
            </a:r>
            <a:endParaRPr lang="en-GB" sz="2400" b="1" i="0" dirty="0" err="1">
              <a:solidFill>
                <a:srgbClr val="C00000"/>
              </a:solidFill>
              <a:ea typeface="Arial" charset="0"/>
              <a:cs typeface="Arial" charset="0"/>
            </a:endParaRPr>
          </a:p>
        </p:txBody>
      </p:sp>
    </p:spTree>
    <p:extLst>
      <p:ext uri="{BB962C8B-B14F-4D97-AF65-F5344CB8AC3E}">
        <p14:creationId xmlns:p14="http://schemas.microsoft.com/office/powerpoint/2010/main" val="186276656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1000"/>
                                  </p:stCondLst>
                                  <p:childTnLst>
                                    <p:set>
                                      <p:cBhvr>
                                        <p:cTn id="6" dur="1" fill="hold">
                                          <p:stCondLst>
                                            <p:cond delay="0"/>
                                          </p:stCondLst>
                                        </p:cTn>
                                        <p:tgtEl>
                                          <p:spTgt spid="42"/>
                                        </p:tgtEl>
                                        <p:attrNameLst>
                                          <p:attrName>style.visibility</p:attrName>
                                        </p:attrNameLst>
                                      </p:cBhvr>
                                      <p:to>
                                        <p:strVal val="visible"/>
                                      </p:to>
                                    </p:set>
                                    <p:animEffect transition="in" filter="fade">
                                      <p:cBhvr>
                                        <p:cTn id="7" dur="500"/>
                                        <p:tgtEl>
                                          <p:spTgt spid="42"/>
                                        </p:tgtEl>
                                      </p:cBhvr>
                                    </p:animEffect>
                                  </p:childTnLst>
                                </p:cTn>
                              </p:par>
                            </p:childTnLst>
                          </p:cTn>
                        </p:par>
                        <p:par>
                          <p:cTn id="8" fill="hold">
                            <p:stCondLst>
                              <p:cond delay="1500"/>
                            </p:stCondLst>
                            <p:childTnLst>
                              <p:par>
                                <p:cTn id="9" presetID="10" presetClass="entr" presetSubtype="0" fill="hold" grpId="0" nodeType="afterEffect">
                                  <p:stCondLst>
                                    <p:cond delay="0"/>
                                  </p:stCondLst>
                                  <p:childTnLst>
                                    <p:set>
                                      <p:cBhvr>
                                        <p:cTn id="10" dur="1" fill="hold">
                                          <p:stCondLst>
                                            <p:cond delay="0"/>
                                          </p:stCondLst>
                                        </p:cTn>
                                        <p:tgtEl>
                                          <p:spTgt spid="46"/>
                                        </p:tgtEl>
                                        <p:attrNameLst>
                                          <p:attrName>style.visibility</p:attrName>
                                        </p:attrNameLst>
                                      </p:cBhvr>
                                      <p:to>
                                        <p:strVal val="visible"/>
                                      </p:to>
                                    </p:set>
                                    <p:animEffect transition="in" filter="fade">
                                      <p:cBhvr>
                                        <p:cTn id="11" dur="500"/>
                                        <p:tgtEl>
                                          <p:spTgt spid="4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6" grpId="0"/>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Rounded Corners 6">
            <a:extLst>
              <a:ext uri="{FF2B5EF4-FFF2-40B4-BE49-F238E27FC236}">
                <a16:creationId xmlns:a16="http://schemas.microsoft.com/office/drawing/2014/main" id="{55AE841B-5288-E058-FA35-77467E4A4309}"/>
              </a:ext>
            </a:extLst>
          </p:cNvPr>
          <p:cNvSpPr/>
          <p:nvPr/>
        </p:nvSpPr>
        <p:spPr>
          <a:xfrm>
            <a:off x="307146" y="1338862"/>
            <a:ext cx="6763083" cy="515608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2" name="Title 1">
            <a:extLst>
              <a:ext uri="{FF2B5EF4-FFF2-40B4-BE49-F238E27FC236}">
                <a16:creationId xmlns:a16="http://schemas.microsoft.com/office/drawing/2014/main" id="{DCA7E340-AFEA-44DA-7B2F-2A7A2BB74C9B}"/>
              </a:ext>
            </a:extLst>
          </p:cNvPr>
          <p:cNvSpPr>
            <a:spLocks noGrp="1"/>
          </p:cNvSpPr>
          <p:nvPr>
            <p:ph type="title"/>
          </p:nvPr>
        </p:nvSpPr>
        <p:spPr/>
        <p:txBody>
          <a:bodyPr/>
          <a:lstStyle/>
          <a:p>
            <a:r>
              <a:rPr lang="en-GB"/>
              <a:t>Maar </a:t>
            </a:r>
            <a:r>
              <a:rPr lang="en-GB" err="1"/>
              <a:t>soms</a:t>
            </a:r>
            <a:r>
              <a:rPr lang="en-GB"/>
              <a:t>: IDH </a:t>
            </a:r>
            <a:r>
              <a:rPr lang="en-GB" err="1"/>
              <a:t>mutaties</a:t>
            </a:r>
            <a:endParaRPr lang="en-NL"/>
          </a:p>
        </p:txBody>
      </p:sp>
      <p:sp>
        <p:nvSpPr>
          <p:cNvPr id="4" name="Date Placeholder 3">
            <a:extLst>
              <a:ext uri="{FF2B5EF4-FFF2-40B4-BE49-F238E27FC236}">
                <a16:creationId xmlns:a16="http://schemas.microsoft.com/office/drawing/2014/main" id="{7EFFF33E-7C02-7B2D-2A8F-742238D7B276}"/>
              </a:ext>
            </a:extLst>
          </p:cNvPr>
          <p:cNvSpPr>
            <a:spLocks noGrp="1"/>
          </p:cNvSpPr>
          <p:nvPr>
            <p:ph type="dt" sz="half" idx="10"/>
          </p:nvPr>
        </p:nvSpPr>
        <p:spPr>
          <a:xfrm>
            <a:off x="8831613" y="6096000"/>
            <a:ext cx="2032000" cy="200055"/>
          </a:xfrm>
        </p:spPr>
        <p:txBody>
          <a:bodyPr/>
          <a:lstStyle/>
          <a:p>
            <a:pPr>
              <a:defRPr/>
            </a:pPr>
            <a:fld id="{685061D0-6130-4B8D-8D1B-34830078765B}" type="datetime1">
              <a:rPr lang="nl-NL" smtClean="0"/>
              <a:t>15-03-2025</a:t>
            </a:fld>
            <a:endParaRPr lang="nl-NL"/>
          </a:p>
        </p:txBody>
      </p:sp>
      <p:sp>
        <p:nvSpPr>
          <p:cNvPr id="5" name="Slide Number Placeholder 4">
            <a:extLst>
              <a:ext uri="{FF2B5EF4-FFF2-40B4-BE49-F238E27FC236}">
                <a16:creationId xmlns:a16="http://schemas.microsoft.com/office/drawing/2014/main" id="{FE4F102C-8ECA-A0E3-098F-5DBA5D18BA20}"/>
              </a:ext>
            </a:extLst>
          </p:cNvPr>
          <p:cNvSpPr>
            <a:spLocks noGrp="1"/>
          </p:cNvSpPr>
          <p:nvPr>
            <p:ph type="sldNum" sz="quarter" idx="11"/>
          </p:nvPr>
        </p:nvSpPr>
        <p:spPr/>
        <p:txBody>
          <a:bodyPr/>
          <a:lstStyle/>
          <a:p>
            <a:pPr>
              <a:defRPr/>
            </a:pPr>
            <a:fld id="{276D52CF-5208-42A4-BA48-F7001505B375}" type="slidenum">
              <a:rPr lang="nl-NL" smtClean="0"/>
              <a:pPr>
                <a:defRPr/>
              </a:pPr>
              <a:t>14</a:t>
            </a:fld>
            <a:endParaRPr lang="nl-NL"/>
          </a:p>
        </p:txBody>
      </p:sp>
      <p:pic>
        <p:nvPicPr>
          <p:cNvPr id="6" name="Picture 3">
            <a:extLst>
              <a:ext uri="{FF2B5EF4-FFF2-40B4-BE49-F238E27FC236}">
                <a16:creationId xmlns:a16="http://schemas.microsoft.com/office/drawing/2014/main" id="{8EC4F4EF-62A4-15CF-060E-6ACA3DBEDFE1}"/>
              </a:ext>
            </a:extLst>
          </p:cNvPr>
          <p:cNvPicPr>
            <a:picLocks noChangeAspect="1" noChangeArrowheads="1"/>
          </p:cNvPicPr>
          <p:nvPr/>
        </p:nvPicPr>
        <p:blipFill>
          <a:blip r:embed="rId2"/>
          <a:srcRect/>
          <a:stretch>
            <a:fillRect/>
          </a:stretch>
        </p:blipFill>
        <p:spPr bwMode="auto">
          <a:xfrm>
            <a:off x="631825" y="2558955"/>
            <a:ext cx="6105914" cy="3352800"/>
          </a:xfrm>
          <a:prstGeom prst="rect">
            <a:avLst/>
          </a:prstGeom>
          <a:noFill/>
          <a:ln w="9525">
            <a:noFill/>
            <a:round/>
            <a:headEnd/>
            <a:tailEnd/>
          </a:ln>
          <a:effectLst/>
        </p:spPr>
      </p:pic>
      <p:sp>
        <p:nvSpPr>
          <p:cNvPr id="8" name="Rectangle: Rounded Corners 7">
            <a:extLst>
              <a:ext uri="{FF2B5EF4-FFF2-40B4-BE49-F238E27FC236}">
                <a16:creationId xmlns:a16="http://schemas.microsoft.com/office/drawing/2014/main" id="{53CE0964-5D22-7F59-30EB-DEF20179B077}"/>
              </a:ext>
            </a:extLst>
          </p:cNvPr>
          <p:cNvSpPr/>
          <p:nvPr/>
        </p:nvSpPr>
        <p:spPr>
          <a:xfrm>
            <a:off x="4387747" y="2640684"/>
            <a:ext cx="1096370" cy="470848"/>
          </a:xfrm>
          <a:prstGeom prst="roundRect">
            <a:avLst/>
          </a:prstGeom>
          <a:no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9" name="Rectangle: Rounded Corners 8">
            <a:extLst>
              <a:ext uri="{FF2B5EF4-FFF2-40B4-BE49-F238E27FC236}">
                <a16:creationId xmlns:a16="http://schemas.microsoft.com/office/drawing/2014/main" id="{83804C9E-0574-E36D-48FF-1F614D28E5CE}"/>
              </a:ext>
            </a:extLst>
          </p:cNvPr>
          <p:cNvSpPr/>
          <p:nvPr/>
        </p:nvSpPr>
        <p:spPr>
          <a:xfrm>
            <a:off x="4793766" y="3535907"/>
            <a:ext cx="1380701" cy="530328"/>
          </a:xfrm>
          <a:prstGeom prst="roundRect">
            <a:avLst/>
          </a:prstGeom>
          <a:no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grpSp>
        <p:nvGrpSpPr>
          <p:cNvPr id="11" name="Group 10">
            <a:extLst>
              <a:ext uri="{FF2B5EF4-FFF2-40B4-BE49-F238E27FC236}">
                <a16:creationId xmlns:a16="http://schemas.microsoft.com/office/drawing/2014/main" id="{7ECD0BF6-B661-CAEF-C9EE-613FF233E732}"/>
              </a:ext>
            </a:extLst>
          </p:cNvPr>
          <p:cNvGrpSpPr/>
          <p:nvPr/>
        </p:nvGrpSpPr>
        <p:grpSpPr>
          <a:xfrm>
            <a:off x="7394908" y="1338862"/>
            <a:ext cx="4598518" cy="5156088"/>
            <a:chOff x="7394908" y="1338862"/>
            <a:chExt cx="4598518" cy="5156088"/>
          </a:xfrm>
        </p:grpSpPr>
        <p:sp>
          <p:nvSpPr>
            <p:cNvPr id="10" name="Rectangle: Rounded Corners 9">
              <a:extLst>
                <a:ext uri="{FF2B5EF4-FFF2-40B4-BE49-F238E27FC236}">
                  <a16:creationId xmlns:a16="http://schemas.microsoft.com/office/drawing/2014/main" id="{192AA65B-7741-E081-FC85-D460D393CA52}"/>
                </a:ext>
              </a:extLst>
            </p:cNvPr>
            <p:cNvSpPr/>
            <p:nvPr/>
          </p:nvSpPr>
          <p:spPr>
            <a:xfrm>
              <a:off x="7394908" y="1338862"/>
              <a:ext cx="4598518" cy="515608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pic>
          <p:nvPicPr>
            <p:cNvPr id="2050" name="Picture 2" descr="The Distribution and Significance of IDH Mutations in Gliomas | IntechOpen">
              <a:extLst>
                <a:ext uri="{FF2B5EF4-FFF2-40B4-BE49-F238E27FC236}">
                  <a16:creationId xmlns:a16="http://schemas.microsoft.com/office/drawing/2014/main" id="{F5B6112F-35F5-F14E-5016-92F16B2595E8}"/>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7652529" y="2603909"/>
              <a:ext cx="4041650" cy="3293196"/>
            </a:xfrm>
            <a:prstGeom prst="rect">
              <a:avLst/>
            </a:prstGeom>
            <a:noFill/>
            <a:extLst>
              <a:ext uri="{909E8E84-426E-40DD-AFC4-6F175D3DCCD1}">
                <a14:hiddenFill xmlns:a14="http://schemas.microsoft.com/office/drawing/2010/main">
                  <a:solidFill>
                    <a:srgbClr val="FFFFFF"/>
                  </a:solidFill>
                </a14:hiddenFill>
              </a:ext>
            </a:extLst>
          </p:spPr>
        </p:pic>
      </p:grpSp>
      <p:sp>
        <p:nvSpPr>
          <p:cNvPr id="12" name="Cross 11">
            <a:extLst>
              <a:ext uri="{FF2B5EF4-FFF2-40B4-BE49-F238E27FC236}">
                <a16:creationId xmlns:a16="http://schemas.microsoft.com/office/drawing/2014/main" id="{BA270C30-11F2-1040-DD4A-D66E56656A27}"/>
              </a:ext>
            </a:extLst>
          </p:cNvPr>
          <p:cNvSpPr/>
          <p:nvPr/>
        </p:nvSpPr>
        <p:spPr bwMode="auto">
          <a:xfrm rot="2610100">
            <a:off x="10000276" y="3608786"/>
            <a:ext cx="1296144" cy="1283442"/>
          </a:xfrm>
          <a:prstGeom prst="plus">
            <a:avLst>
              <a:gd name="adj" fmla="val 45436"/>
            </a:avLst>
          </a:prstGeom>
          <a:solidFill>
            <a:srgbClr val="FF0000"/>
          </a:solidFill>
          <a:ln w="9525"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endParaRPr lang="en-US" sz="2000" i="1">
              <a:solidFill>
                <a:srgbClr val="0D1F74"/>
              </a:solidFill>
              <a:latin typeface="Arial" charset="0"/>
            </a:endParaRPr>
          </a:p>
        </p:txBody>
      </p:sp>
      <p:sp>
        <p:nvSpPr>
          <p:cNvPr id="13" name="TextBox 12">
            <a:extLst>
              <a:ext uri="{FF2B5EF4-FFF2-40B4-BE49-F238E27FC236}">
                <a16:creationId xmlns:a16="http://schemas.microsoft.com/office/drawing/2014/main" id="{3F5460B1-1691-69A3-5136-3AB8871F1FA9}"/>
              </a:ext>
            </a:extLst>
          </p:cNvPr>
          <p:cNvSpPr txBox="1"/>
          <p:nvPr/>
        </p:nvSpPr>
        <p:spPr>
          <a:xfrm>
            <a:off x="8831613" y="1617443"/>
            <a:ext cx="1513363" cy="707886"/>
          </a:xfrm>
          <a:prstGeom prst="rect">
            <a:avLst/>
          </a:prstGeom>
          <a:noFill/>
        </p:spPr>
        <p:txBody>
          <a:bodyPr wrap="none" rtlCol="0">
            <a:spAutoFit/>
          </a:bodyPr>
          <a:lstStyle/>
          <a:p>
            <a:pPr algn="l"/>
            <a:r>
              <a:rPr lang="en-GB" sz="4000" b="1" i="0">
                <a:solidFill>
                  <a:schemeClr val="accent4"/>
                </a:solidFill>
                <a:ea typeface="Arial" charset="0"/>
                <a:cs typeface="Arial" charset="0"/>
              </a:rPr>
              <a:t>Indigo</a:t>
            </a:r>
            <a:endParaRPr lang="en-NL" sz="4000" b="1" i="0" err="1">
              <a:solidFill>
                <a:schemeClr val="accent4"/>
              </a:solidFill>
              <a:ea typeface="Arial" charset="0"/>
              <a:cs typeface="Arial" charset="0"/>
            </a:endParaRPr>
          </a:p>
        </p:txBody>
      </p:sp>
    </p:spTree>
    <p:extLst>
      <p:ext uri="{BB962C8B-B14F-4D97-AF65-F5344CB8AC3E}">
        <p14:creationId xmlns:p14="http://schemas.microsoft.com/office/powerpoint/2010/main" val="120573241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500"/>
                                        <p:tgtEl>
                                          <p:spTgt spid="8"/>
                                        </p:tgtEl>
                                      </p:cBhvr>
                                    </p:animEffect>
                                  </p:childTnLst>
                                </p:cTn>
                              </p:par>
                            </p:childTnLst>
                          </p:cTn>
                        </p:par>
                        <p:par>
                          <p:cTn id="8" fill="hold">
                            <p:stCondLst>
                              <p:cond delay="500"/>
                            </p:stCondLst>
                            <p:childTnLst>
                              <p:par>
                                <p:cTn id="9" presetID="10" presetClass="entr" presetSubtype="0" fill="hold" grpId="0" nodeType="afterEffect">
                                  <p:stCondLst>
                                    <p:cond delay="0"/>
                                  </p:stCondLst>
                                  <p:childTnLst>
                                    <p:set>
                                      <p:cBhvr>
                                        <p:cTn id="10" dur="1" fill="hold">
                                          <p:stCondLst>
                                            <p:cond delay="0"/>
                                          </p:stCondLst>
                                        </p:cTn>
                                        <p:tgtEl>
                                          <p:spTgt spid="9"/>
                                        </p:tgtEl>
                                        <p:attrNameLst>
                                          <p:attrName>style.visibility</p:attrName>
                                        </p:attrNameLst>
                                      </p:cBhvr>
                                      <p:to>
                                        <p:strVal val="visible"/>
                                      </p:to>
                                    </p:set>
                                    <p:animEffect transition="in" filter="fade">
                                      <p:cBhvr>
                                        <p:cTn id="11" dur="500"/>
                                        <p:tgtEl>
                                          <p:spTgt spid="9"/>
                                        </p:tgtEl>
                                      </p:cBhvr>
                                    </p:animEffect>
                                  </p:childTnLst>
                                </p:cTn>
                              </p:par>
                            </p:childTnLst>
                          </p:cTn>
                        </p:par>
                      </p:childTnLst>
                    </p:cTn>
                  </p:par>
                  <p:par>
                    <p:cTn id="12" fill="hold">
                      <p:stCondLst>
                        <p:cond delay="indefinite"/>
                      </p:stCondLst>
                      <p:childTnLst>
                        <p:par>
                          <p:cTn id="13" fill="hold">
                            <p:stCondLst>
                              <p:cond delay="0"/>
                            </p:stCondLst>
                            <p:childTnLst>
                              <p:par>
                                <p:cTn id="14" presetID="10" presetClass="entr" presetSubtype="0" fill="hold" nodeType="clickEffect">
                                  <p:stCondLst>
                                    <p:cond delay="0"/>
                                  </p:stCondLst>
                                  <p:childTnLst>
                                    <p:set>
                                      <p:cBhvr>
                                        <p:cTn id="15" dur="1" fill="hold">
                                          <p:stCondLst>
                                            <p:cond delay="0"/>
                                          </p:stCondLst>
                                        </p:cTn>
                                        <p:tgtEl>
                                          <p:spTgt spid="11"/>
                                        </p:tgtEl>
                                        <p:attrNameLst>
                                          <p:attrName>style.visibility</p:attrName>
                                        </p:attrNameLst>
                                      </p:cBhvr>
                                      <p:to>
                                        <p:strVal val="visible"/>
                                      </p:to>
                                    </p:set>
                                    <p:animEffect transition="in" filter="fade">
                                      <p:cBhvr>
                                        <p:cTn id="16" dur="500"/>
                                        <p:tgtEl>
                                          <p:spTgt spid="11"/>
                                        </p:tgtEl>
                                      </p:cBhvr>
                                    </p:animEffect>
                                  </p:childTnLst>
                                </p:cTn>
                              </p:par>
                            </p:childTnLst>
                          </p:cTn>
                        </p:par>
                      </p:childTnLst>
                    </p:cTn>
                  </p:par>
                  <p:par>
                    <p:cTn id="17" fill="hold">
                      <p:stCondLst>
                        <p:cond delay="indefinite"/>
                      </p:stCondLst>
                      <p:childTnLst>
                        <p:par>
                          <p:cTn id="18" fill="hold">
                            <p:stCondLst>
                              <p:cond delay="0"/>
                            </p:stCondLst>
                            <p:childTnLst>
                              <p:par>
                                <p:cTn id="19" presetID="10" presetClass="entr" presetSubtype="0" fill="hold" grpId="0" nodeType="clickEffect">
                                  <p:stCondLst>
                                    <p:cond delay="0"/>
                                  </p:stCondLst>
                                  <p:childTnLst>
                                    <p:set>
                                      <p:cBhvr>
                                        <p:cTn id="20" dur="1" fill="hold">
                                          <p:stCondLst>
                                            <p:cond delay="0"/>
                                          </p:stCondLst>
                                        </p:cTn>
                                        <p:tgtEl>
                                          <p:spTgt spid="12"/>
                                        </p:tgtEl>
                                        <p:attrNameLst>
                                          <p:attrName>style.visibility</p:attrName>
                                        </p:attrNameLst>
                                      </p:cBhvr>
                                      <p:to>
                                        <p:strVal val="visible"/>
                                      </p:to>
                                    </p:set>
                                    <p:animEffect transition="in" filter="fade">
                                      <p:cBhvr>
                                        <p:cTn id="21" dur="500"/>
                                        <p:tgtEl>
                                          <p:spTgt spid="12"/>
                                        </p:tgtEl>
                                      </p:cBhvr>
                                    </p:animEffect>
                                  </p:childTnLst>
                                </p:cTn>
                              </p:par>
                            </p:childTnLst>
                          </p:cTn>
                        </p:par>
                        <p:par>
                          <p:cTn id="22" fill="hold">
                            <p:stCondLst>
                              <p:cond delay="500"/>
                            </p:stCondLst>
                            <p:childTnLst>
                              <p:par>
                                <p:cTn id="23" presetID="10" presetClass="entr" presetSubtype="0" fill="hold" grpId="0" nodeType="afterEffect">
                                  <p:stCondLst>
                                    <p:cond delay="0"/>
                                  </p:stCondLst>
                                  <p:childTnLst>
                                    <p:set>
                                      <p:cBhvr>
                                        <p:cTn id="24" dur="1" fill="hold">
                                          <p:stCondLst>
                                            <p:cond delay="0"/>
                                          </p:stCondLst>
                                        </p:cTn>
                                        <p:tgtEl>
                                          <p:spTgt spid="13"/>
                                        </p:tgtEl>
                                        <p:attrNameLst>
                                          <p:attrName>style.visibility</p:attrName>
                                        </p:attrNameLst>
                                      </p:cBhvr>
                                      <p:to>
                                        <p:strVal val="visible"/>
                                      </p:to>
                                    </p:set>
                                    <p:animEffect transition="in" filter="fade">
                                      <p:cBhvr>
                                        <p:cTn id="25" dur="500"/>
                                        <p:tgtEl>
                                          <p:spTgt spid="1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P spid="9" grpId="0" animBg="1"/>
      <p:bldP spid="12" grpId="0" animBg="1"/>
      <p:bldP spid="13" grpId="0"/>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8915D9E-2FA3-CDB0-3D80-4FFA39E5A4CC}"/>
              </a:ext>
            </a:extLst>
          </p:cNvPr>
          <p:cNvSpPr>
            <a:spLocks noGrp="1"/>
          </p:cNvSpPr>
          <p:nvPr>
            <p:ph type="title"/>
          </p:nvPr>
        </p:nvSpPr>
        <p:spPr/>
        <p:txBody>
          <a:bodyPr/>
          <a:lstStyle/>
          <a:p>
            <a:endParaRPr lang="en-NL"/>
          </a:p>
        </p:txBody>
      </p:sp>
      <p:sp>
        <p:nvSpPr>
          <p:cNvPr id="3" name="Content Placeholder 2">
            <a:extLst>
              <a:ext uri="{FF2B5EF4-FFF2-40B4-BE49-F238E27FC236}">
                <a16:creationId xmlns:a16="http://schemas.microsoft.com/office/drawing/2014/main" id="{0ED38758-88D6-1FCE-874D-E043C957A720}"/>
              </a:ext>
            </a:extLst>
          </p:cNvPr>
          <p:cNvSpPr>
            <a:spLocks noGrp="1"/>
          </p:cNvSpPr>
          <p:nvPr>
            <p:ph idx="1"/>
          </p:nvPr>
        </p:nvSpPr>
        <p:spPr/>
        <p:txBody>
          <a:bodyPr/>
          <a:lstStyle/>
          <a:p>
            <a:endParaRPr lang="en-NL"/>
          </a:p>
        </p:txBody>
      </p:sp>
      <p:sp>
        <p:nvSpPr>
          <p:cNvPr id="4" name="Date Placeholder 3">
            <a:extLst>
              <a:ext uri="{FF2B5EF4-FFF2-40B4-BE49-F238E27FC236}">
                <a16:creationId xmlns:a16="http://schemas.microsoft.com/office/drawing/2014/main" id="{E40D03E9-11BA-8811-FDC2-F1258C85B9A1}"/>
              </a:ext>
            </a:extLst>
          </p:cNvPr>
          <p:cNvSpPr>
            <a:spLocks noGrp="1"/>
          </p:cNvSpPr>
          <p:nvPr>
            <p:ph type="dt" sz="half" idx="10"/>
          </p:nvPr>
        </p:nvSpPr>
        <p:spPr/>
        <p:txBody>
          <a:bodyPr/>
          <a:lstStyle/>
          <a:p>
            <a:pPr>
              <a:defRPr/>
            </a:pPr>
            <a:fld id="{45B25FB7-19DE-4437-9892-BA8A09DD4001}" type="datetime1">
              <a:rPr lang="nl-NL" smtClean="0"/>
              <a:t>15-03-2025</a:t>
            </a:fld>
            <a:endParaRPr lang="nl-NL"/>
          </a:p>
        </p:txBody>
      </p:sp>
      <p:sp>
        <p:nvSpPr>
          <p:cNvPr id="5" name="Slide Number Placeholder 4">
            <a:extLst>
              <a:ext uri="{FF2B5EF4-FFF2-40B4-BE49-F238E27FC236}">
                <a16:creationId xmlns:a16="http://schemas.microsoft.com/office/drawing/2014/main" id="{248D2E7C-67CF-B5FD-31DC-99C04F292BEA}"/>
              </a:ext>
            </a:extLst>
          </p:cNvPr>
          <p:cNvSpPr>
            <a:spLocks noGrp="1"/>
          </p:cNvSpPr>
          <p:nvPr>
            <p:ph type="sldNum" sz="quarter" idx="11"/>
          </p:nvPr>
        </p:nvSpPr>
        <p:spPr/>
        <p:txBody>
          <a:bodyPr/>
          <a:lstStyle/>
          <a:p>
            <a:pPr>
              <a:defRPr/>
            </a:pPr>
            <a:fld id="{276D52CF-5208-42A4-BA48-F7001505B375}" type="slidenum">
              <a:rPr lang="nl-NL" smtClean="0"/>
              <a:pPr>
                <a:defRPr/>
              </a:pPr>
              <a:t>15</a:t>
            </a:fld>
            <a:endParaRPr lang="nl-NL"/>
          </a:p>
        </p:txBody>
      </p:sp>
      <p:sp>
        <p:nvSpPr>
          <p:cNvPr id="6" name="Rounded Rectangle 9">
            <a:extLst>
              <a:ext uri="{FF2B5EF4-FFF2-40B4-BE49-F238E27FC236}">
                <a16:creationId xmlns:a16="http://schemas.microsoft.com/office/drawing/2014/main" id="{46DC29BC-1B37-48EC-DB2B-67E09AD271CC}"/>
              </a:ext>
            </a:extLst>
          </p:cNvPr>
          <p:cNvSpPr/>
          <p:nvPr/>
        </p:nvSpPr>
        <p:spPr>
          <a:xfrm>
            <a:off x="980142" y="1176386"/>
            <a:ext cx="9361390" cy="4782156"/>
          </a:xfrm>
          <a:prstGeom prst="roundRect">
            <a:avLst>
              <a:gd name="adj" fmla="val 4302"/>
            </a:avLst>
          </a:prstGeom>
          <a:solidFill>
            <a:schemeClr val="bg1">
              <a:lumMod val="95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2" name="Rectangle 111">
            <a:extLst>
              <a:ext uri="{FF2B5EF4-FFF2-40B4-BE49-F238E27FC236}">
                <a16:creationId xmlns:a16="http://schemas.microsoft.com/office/drawing/2014/main" id="{41305D97-D400-7E82-BF7B-98E57376150A}"/>
              </a:ext>
            </a:extLst>
          </p:cNvPr>
          <p:cNvSpPr/>
          <p:nvPr/>
        </p:nvSpPr>
        <p:spPr>
          <a:xfrm>
            <a:off x="1649506" y="1494120"/>
            <a:ext cx="8364778" cy="4032250"/>
          </a:xfrm>
          <a:prstGeom prst="rect">
            <a:avLst/>
          </a:prstGeom>
          <a:solidFill>
            <a:schemeClr val="bg1"/>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graphicFrame>
        <p:nvGraphicFramePr>
          <p:cNvPr id="77" name="object 26">
            <a:extLst>
              <a:ext uri="{FF2B5EF4-FFF2-40B4-BE49-F238E27FC236}">
                <a16:creationId xmlns:a16="http://schemas.microsoft.com/office/drawing/2014/main" id="{8B8C8671-472D-7094-EC25-096515B19194}"/>
              </a:ext>
            </a:extLst>
          </p:cNvPr>
          <p:cNvGraphicFramePr>
            <a:graphicFrameLocks noGrp="1" noChangeAspect="1"/>
          </p:cNvGraphicFramePr>
          <p:nvPr>
            <p:extLst>
              <p:ext uri="{D42A27DB-BD31-4B8C-83A1-F6EECF244321}">
                <p14:modId xmlns:p14="http://schemas.microsoft.com/office/powerpoint/2010/main" val="3594419096"/>
              </p:ext>
            </p:extLst>
          </p:nvPr>
        </p:nvGraphicFramePr>
        <p:xfrm>
          <a:off x="2308596" y="4808785"/>
          <a:ext cx="7190533" cy="740946"/>
        </p:xfrm>
        <a:graphic>
          <a:graphicData uri="http://schemas.openxmlformats.org/drawingml/2006/table">
            <a:tbl>
              <a:tblPr firstRow="1" bandRow="1">
                <a:tableStyleId>{2D5ABB26-0587-4C30-8999-92F81FD0307C}</a:tableStyleId>
              </a:tblPr>
              <a:tblGrid>
                <a:gridCol w="471318">
                  <a:extLst>
                    <a:ext uri="{9D8B030D-6E8A-4147-A177-3AD203B41FA5}">
                      <a16:colId xmlns:a16="http://schemas.microsoft.com/office/drawing/2014/main" val="20000"/>
                    </a:ext>
                  </a:extLst>
                </a:gridCol>
                <a:gridCol w="589568">
                  <a:extLst>
                    <a:ext uri="{9D8B030D-6E8A-4147-A177-3AD203B41FA5}">
                      <a16:colId xmlns:a16="http://schemas.microsoft.com/office/drawing/2014/main" val="20001"/>
                    </a:ext>
                  </a:extLst>
                </a:gridCol>
                <a:gridCol w="591259">
                  <a:extLst>
                    <a:ext uri="{9D8B030D-6E8A-4147-A177-3AD203B41FA5}">
                      <a16:colId xmlns:a16="http://schemas.microsoft.com/office/drawing/2014/main" val="20002"/>
                    </a:ext>
                  </a:extLst>
                </a:gridCol>
                <a:gridCol w="593791">
                  <a:extLst>
                    <a:ext uri="{9D8B030D-6E8A-4147-A177-3AD203B41FA5}">
                      <a16:colId xmlns:a16="http://schemas.microsoft.com/office/drawing/2014/main" val="20003"/>
                    </a:ext>
                  </a:extLst>
                </a:gridCol>
                <a:gridCol w="600550">
                  <a:extLst>
                    <a:ext uri="{9D8B030D-6E8A-4147-A177-3AD203B41FA5}">
                      <a16:colId xmlns:a16="http://schemas.microsoft.com/office/drawing/2014/main" val="20004"/>
                    </a:ext>
                  </a:extLst>
                </a:gridCol>
                <a:gridCol w="586188">
                  <a:extLst>
                    <a:ext uri="{9D8B030D-6E8A-4147-A177-3AD203B41FA5}">
                      <a16:colId xmlns:a16="http://schemas.microsoft.com/office/drawing/2014/main" val="20005"/>
                    </a:ext>
                  </a:extLst>
                </a:gridCol>
                <a:gridCol w="590411">
                  <a:extLst>
                    <a:ext uri="{9D8B030D-6E8A-4147-A177-3AD203B41FA5}">
                      <a16:colId xmlns:a16="http://schemas.microsoft.com/office/drawing/2014/main" val="20006"/>
                    </a:ext>
                  </a:extLst>
                </a:gridCol>
                <a:gridCol w="591259">
                  <a:extLst>
                    <a:ext uri="{9D8B030D-6E8A-4147-A177-3AD203B41FA5}">
                      <a16:colId xmlns:a16="http://schemas.microsoft.com/office/drawing/2014/main" val="20007"/>
                    </a:ext>
                  </a:extLst>
                </a:gridCol>
                <a:gridCol w="591259">
                  <a:extLst>
                    <a:ext uri="{9D8B030D-6E8A-4147-A177-3AD203B41FA5}">
                      <a16:colId xmlns:a16="http://schemas.microsoft.com/office/drawing/2014/main" val="20008"/>
                    </a:ext>
                  </a:extLst>
                </a:gridCol>
                <a:gridCol w="590411">
                  <a:extLst>
                    <a:ext uri="{9D8B030D-6E8A-4147-A177-3AD203B41FA5}">
                      <a16:colId xmlns:a16="http://schemas.microsoft.com/office/drawing/2014/main" val="20009"/>
                    </a:ext>
                  </a:extLst>
                </a:gridCol>
                <a:gridCol w="590411">
                  <a:extLst>
                    <a:ext uri="{9D8B030D-6E8A-4147-A177-3AD203B41FA5}">
                      <a16:colId xmlns:a16="http://schemas.microsoft.com/office/drawing/2014/main" val="20010"/>
                    </a:ext>
                  </a:extLst>
                </a:gridCol>
                <a:gridCol w="470471">
                  <a:extLst>
                    <a:ext uri="{9D8B030D-6E8A-4147-A177-3AD203B41FA5}">
                      <a16:colId xmlns:a16="http://schemas.microsoft.com/office/drawing/2014/main" val="20011"/>
                    </a:ext>
                  </a:extLst>
                </a:gridCol>
                <a:gridCol w="333637">
                  <a:extLst>
                    <a:ext uri="{9D8B030D-6E8A-4147-A177-3AD203B41FA5}">
                      <a16:colId xmlns:a16="http://schemas.microsoft.com/office/drawing/2014/main" val="20012"/>
                    </a:ext>
                  </a:extLst>
                </a:gridCol>
              </a:tblGrid>
              <a:tr h="300674">
                <a:tc>
                  <a:txBody>
                    <a:bodyPr/>
                    <a:lstStyle/>
                    <a:p>
                      <a:pPr marR="162560" algn="r">
                        <a:lnSpc>
                          <a:spcPct val="100000"/>
                        </a:lnSpc>
                        <a:spcBef>
                          <a:spcPts val="285"/>
                        </a:spcBef>
                      </a:pPr>
                      <a:r>
                        <a:rPr sz="1200" spc="-50">
                          <a:solidFill>
                            <a:srgbClr val="001F5F"/>
                          </a:solidFill>
                          <a:latin typeface="Century Gothic"/>
                          <a:cs typeface="Century Gothic"/>
                        </a:rPr>
                        <a:t>0</a:t>
                      </a:r>
                      <a:endParaRPr sz="1200">
                        <a:latin typeface="Century Gothic"/>
                        <a:cs typeface="Century Gothic"/>
                      </a:endParaRPr>
                    </a:p>
                  </a:txBody>
                  <a:tcPr marL="0" marR="0" marT="36195" marB="0"/>
                </a:tc>
                <a:tc>
                  <a:txBody>
                    <a:bodyPr/>
                    <a:lstStyle/>
                    <a:p>
                      <a:pPr marL="13335" algn="ctr">
                        <a:lnSpc>
                          <a:spcPct val="100000"/>
                        </a:lnSpc>
                        <a:spcBef>
                          <a:spcPts val="285"/>
                        </a:spcBef>
                      </a:pPr>
                      <a:r>
                        <a:rPr lang="en-GB" sz="1200" spc="-50">
                          <a:solidFill>
                            <a:srgbClr val="001F5F"/>
                          </a:solidFill>
                          <a:latin typeface="Century Gothic"/>
                          <a:cs typeface="Century Gothic"/>
                        </a:rPr>
                        <a:t>   </a:t>
                      </a:r>
                      <a:r>
                        <a:rPr sz="1200" spc="-50">
                          <a:solidFill>
                            <a:srgbClr val="001F5F"/>
                          </a:solidFill>
                          <a:latin typeface="Century Gothic"/>
                          <a:cs typeface="Century Gothic"/>
                        </a:rPr>
                        <a:t>3</a:t>
                      </a:r>
                      <a:endParaRPr sz="1200">
                        <a:latin typeface="Century Gothic"/>
                        <a:cs typeface="Century Gothic"/>
                      </a:endParaRPr>
                    </a:p>
                  </a:txBody>
                  <a:tcPr marL="0" marR="0" marT="36195" marB="0"/>
                </a:tc>
                <a:tc>
                  <a:txBody>
                    <a:bodyPr/>
                    <a:lstStyle/>
                    <a:p>
                      <a:pPr marL="13335" algn="ctr">
                        <a:lnSpc>
                          <a:spcPct val="100000"/>
                        </a:lnSpc>
                        <a:spcBef>
                          <a:spcPts val="285"/>
                        </a:spcBef>
                      </a:pPr>
                      <a:r>
                        <a:rPr lang="en-GB" sz="1200" spc="-50">
                          <a:solidFill>
                            <a:srgbClr val="001F5F"/>
                          </a:solidFill>
                          <a:latin typeface="Century Gothic"/>
                          <a:cs typeface="Century Gothic"/>
                        </a:rPr>
                        <a:t>   </a:t>
                      </a:r>
                      <a:r>
                        <a:rPr sz="1200" spc="-50">
                          <a:solidFill>
                            <a:srgbClr val="001F5F"/>
                          </a:solidFill>
                          <a:latin typeface="Century Gothic"/>
                          <a:cs typeface="Century Gothic"/>
                        </a:rPr>
                        <a:t>6</a:t>
                      </a:r>
                      <a:endParaRPr sz="1200">
                        <a:latin typeface="Century Gothic"/>
                        <a:cs typeface="Century Gothic"/>
                      </a:endParaRPr>
                    </a:p>
                  </a:txBody>
                  <a:tcPr marL="0" marR="0" marT="36195" marB="0"/>
                </a:tc>
                <a:tc>
                  <a:txBody>
                    <a:bodyPr/>
                    <a:lstStyle/>
                    <a:p>
                      <a:pPr marL="9525" algn="ctr">
                        <a:lnSpc>
                          <a:spcPct val="100000"/>
                        </a:lnSpc>
                        <a:spcBef>
                          <a:spcPts val="285"/>
                        </a:spcBef>
                      </a:pPr>
                      <a:r>
                        <a:rPr lang="en-GB" sz="1200" spc="-50">
                          <a:solidFill>
                            <a:srgbClr val="001F5F"/>
                          </a:solidFill>
                          <a:latin typeface="Century Gothic"/>
                          <a:cs typeface="Century Gothic"/>
                        </a:rPr>
                        <a:t>  </a:t>
                      </a:r>
                      <a:r>
                        <a:rPr sz="1200" spc="-50">
                          <a:solidFill>
                            <a:srgbClr val="001F5F"/>
                          </a:solidFill>
                          <a:latin typeface="Century Gothic"/>
                          <a:cs typeface="Century Gothic"/>
                        </a:rPr>
                        <a:t>9</a:t>
                      </a:r>
                      <a:endParaRPr sz="1200">
                        <a:latin typeface="Century Gothic"/>
                        <a:cs typeface="Century Gothic"/>
                      </a:endParaRPr>
                    </a:p>
                  </a:txBody>
                  <a:tcPr marL="0" marR="0" marT="36195" marB="0"/>
                </a:tc>
                <a:tc>
                  <a:txBody>
                    <a:bodyPr/>
                    <a:lstStyle/>
                    <a:p>
                      <a:pPr marL="139065">
                        <a:lnSpc>
                          <a:spcPct val="100000"/>
                        </a:lnSpc>
                        <a:spcBef>
                          <a:spcPts val="285"/>
                        </a:spcBef>
                      </a:pPr>
                      <a:r>
                        <a:rPr lang="en-GB" sz="1200" spc="-25">
                          <a:solidFill>
                            <a:srgbClr val="001F5F"/>
                          </a:solidFill>
                          <a:latin typeface="Century Gothic"/>
                          <a:cs typeface="Century Gothic"/>
                        </a:rPr>
                        <a:t>   </a:t>
                      </a:r>
                      <a:r>
                        <a:rPr sz="1200" spc="-25">
                          <a:solidFill>
                            <a:srgbClr val="001F5F"/>
                          </a:solidFill>
                          <a:latin typeface="Century Gothic"/>
                          <a:cs typeface="Century Gothic"/>
                        </a:rPr>
                        <a:t>12</a:t>
                      </a:r>
                      <a:endParaRPr sz="1200">
                        <a:latin typeface="Century Gothic"/>
                        <a:cs typeface="Century Gothic"/>
                      </a:endParaRPr>
                    </a:p>
                  </a:txBody>
                  <a:tcPr marL="0" marR="0" marT="36195" marB="0"/>
                </a:tc>
                <a:tc>
                  <a:txBody>
                    <a:bodyPr/>
                    <a:lstStyle/>
                    <a:p>
                      <a:pPr algn="ctr">
                        <a:lnSpc>
                          <a:spcPct val="100000"/>
                        </a:lnSpc>
                        <a:spcBef>
                          <a:spcPts val="285"/>
                        </a:spcBef>
                      </a:pPr>
                      <a:r>
                        <a:rPr sz="1200" spc="-25">
                          <a:solidFill>
                            <a:srgbClr val="001F5F"/>
                          </a:solidFill>
                          <a:latin typeface="Century Gothic"/>
                          <a:cs typeface="Century Gothic"/>
                        </a:rPr>
                        <a:t>15</a:t>
                      </a:r>
                      <a:endParaRPr sz="1200">
                        <a:latin typeface="Century Gothic"/>
                        <a:cs typeface="Century Gothic"/>
                      </a:endParaRPr>
                    </a:p>
                  </a:txBody>
                  <a:tcPr marL="0" marR="0" marT="36195" marB="0"/>
                </a:tc>
                <a:tc>
                  <a:txBody>
                    <a:bodyPr/>
                    <a:lstStyle/>
                    <a:p>
                      <a:pPr algn="ctr">
                        <a:lnSpc>
                          <a:spcPct val="100000"/>
                        </a:lnSpc>
                        <a:spcBef>
                          <a:spcPts val="285"/>
                        </a:spcBef>
                      </a:pPr>
                      <a:r>
                        <a:rPr sz="1200" spc="-25">
                          <a:solidFill>
                            <a:srgbClr val="001F5F"/>
                          </a:solidFill>
                          <a:latin typeface="Century Gothic"/>
                          <a:cs typeface="Century Gothic"/>
                        </a:rPr>
                        <a:t>18</a:t>
                      </a:r>
                      <a:endParaRPr sz="1200">
                        <a:latin typeface="Century Gothic"/>
                        <a:cs typeface="Century Gothic"/>
                      </a:endParaRPr>
                    </a:p>
                  </a:txBody>
                  <a:tcPr marL="0" marR="0" marT="36195" marB="0"/>
                </a:tc>
                <a:tc>
                  <a:txBody>
                    <a:bodyPr/>
                    <a:lstStyle/>
                    <a:p>
                      <a:pPr algn="ctr">
                        <a:lnSpc>
                          <a:spcPct val="100000"/>
                        </a:lnSpc>
                        <a:spcBef>
                          <a:spcPts val="285"/>
                        </a:spcBef>
                      </a:pPr>
                      <a:r>
                        <a:rPr sz="1200" spc="-25">
                          <a:solidFill>
                            <a:srgbClr val="001F5F"/>
                          </a:solidFill>
                          <a:latin typeface="Century Gothic"/>
                          <a:cs typeface="Century Gothic"/>
                        </a:rPr>
                        <a:t>21</a:t>
                      </a:r>
                      <a:endParaRPr sz="1200">
                        <a:latin typeface="Century Gothic"/>
                        <a:cs typeface="Century Gothic"/>
                      </a:endParaRPr>
                    </a:p>
                  </a:txBody>
                  <a:tcPr marL="0" marR="0" marT="36195" marB="0"/>
                </a:tc>
                <a:tc>
                  <a:txBody>
                    <a:bodyPr/>
                    <a:lstStyle/>
                    <a:p>
                      <a:pPr algn="ctr">
                        <a:lnSpc>
                          <a:spcPct val="100000"/>
                        </a:lnSpc>
                        <a:spcBef>
                          <a:spcPts val="285"/>
                        </a:spcBef>
                      </a:pPr>
                      <a:r>
                        <a:rPr sz="1200" spc="-25">
                          <a:solidFill>
                            <a:srgbClr val="001F5F"/>
                          </a:solidFill>
                          <a:latin typeface="Century Gothic"/>
                          <a:cs typeface="Century Gothic"/>
                        </a:rPr>
                        <a:t>24</a:t>
                      </a:r>
                      <a:endParaRPr sz="1200">
                        <a:latin typeface="Century Gothic"/>
                        <a:cs typeface="Century Gothic"/>
                      </a:endParaRPr>
                    </a:p>
                  </a:txBody>
                  <a:tcPr marL="0" marR="0" marT="36195" marB="0"/>
                </a:tc>
                <a:tc>
                  <a:txBody>
                    <a:bodyPr/>
                    <a:lstStyle/>
                    <a:p>
                      <a:pPr algn="ctr">
                        <a:lnSpc>
                          <a:spcPct val="100000"/>
                        </a:lnSpc>
                        <a:spcBef>
                          <a:spcPts val="285"/>
                        </a:spcBef>
                      </a:pPr>
                      <a:r>
                        <a:rPr sz="1200" spc="-25">
                          <a:solidFill>
                            <a:srgbClr val="001F5F"/>
                          </a:solidFill>
                          <a:latin typeface="Century Gothic"/>
                          <a:cs typeface="Century Gothic"/>
                        </a:rPr>
                        <a:t>27</a:t>
                      </a:r>
                      <a:endParaRPr sz="1200">
                        <a:latin typeface="Century Gothic"/>
                        <a:cs typeface="Century Gothic"/>
                      </a:endParaRPr>
                    </a:p>
                  </a:txBody>
                  <a:tcPr marL="0" marR="0" marT="36195" marB="0"/>
                </a:tc>
                <a:tc>
                  <a:txBody>
                    <a:bodyPr/>
                    <a:lstStyle/>
                    <a:p>
                      <a:pPr algn="ctr">
                        <a:lnSpc>
                          <a:spcPct val="100000"/>
                        </a:lnSpc>
                        <a:spcBef>
                          <a:spcPts val="285"/>
                        </a:spcBef>
                      </a:pPr>
                      <a:r>
                        <a:rPr sz="1200" spc="-25">
                          <a:solidFill>
                            <a:srgbClr val="001F5F"/>
                          </a:solidFill>
                          <a:latin typeface="Century Gothic"/>
                          <a:cs typeface="Century Gothic"/>
                        </a:rPr>
                        <a:t>30</a:t>
                      </a:r>
                      <a:endParaRPr sz="1200">
                        <a:latin typeface="Century Gothic"/>
                        <a:cs typeface="Century Gothic"/>
                      </a:endParaRPr>
                    </a:p>
                  </a:txBody>
                  <a:tcPr marL="0" marR="0" marT="36195" marB="0"/>
                </a:tc>
                <a:tc>
                  <a:txBody>
                    <a:bodyPr/>
                    <a:lstStyle/>
                    <a:p>
                      <a:pPr marL="134620">
                        <a:lnSpc>
                          <a:spcPct val="100000"/>
                        </a:lnSpc>
                        <a:spcBef>
                          <a:spcPts val="285"/>
                        </a:spcBef>
                      </a:pPr>
                      <a:r>
                        <a:rPr sz="1200" spc="-25">
                          <a:solidFill>
                            <a:srgbClr val="001F5F"/>
                          </a:solidFill>
                          <a:latin typeface="Century Gothic"/>
                          <a:cs typeface="Century Gothic"/>
                        </a:rPr>
                        <a:t>33</a:t>
                      </a:r>
                      <a:endParaRPr sz="1200">
                        <a:latin typeface="Century Gothic"/>
                        <a:cs typeface="Century Gothic"/>
                      </a:endParaRPr>
                    </a:p>
                  </a:txBody>
                  <a:tcPr marL="0" marR="0" marT="36195" marB="0"/>
                </a:tc>
                <a:tc>
                  <a:txBody>
                    <a:bodyPr/>
                    <a:lstStyle/>
                    <a:p>
                      <a:pPr marL="44450">
                        <a:lnSpc>
                          <a:spcPct val="100000"/>
                        </a:lnSpc>
                        <a:spcBef>
                          <a:spcPts val="380"/>
                        </a:spcBef>
                      </a:pPr>
                      <a:endParaRPr sz="1200">
                        <a:latin typeface="Century Gothic"/>
                        <a:cs typeface="Century Gothic"/>
                      </a:endParaRPr>
                    </a:p>
                  </a:txBody>
                  <a:tcPr marL="0" marR="0" marT="48260" marB="0"/>
                </a:tc>
                <a:extLst>
                  <a:ext uri="{0D108BD9-81ED-4DB2-BD59-A6C34878D82A}">
                    <a16:rowId xmlns:a16="http://schemas.microsoft.com/office/drawing/2014/main" val="10000"/>
                  </a:ext>
                </a:extLst>
              </a:tr>
              <a:tr h="242025">
                <a:tc>
                  <a:txBody>
                    <a:bodyPr/>
                    <a:lstStyle/>
                    <a:p>
                      <a:pPr marR="118110" algn="r">
                        <a:lnSpc>
                          <a:spcPts val="965"/>
                        </a:lnSpc>
                        <a:spcBef>
                          <a:spcPts val="464"/>
                        </a:spcBef>
                      </a:pPr>
                      <a:endParaRPr sz="900">
                        <a:latin typeface="Century Gothic"/>
                        <a:cs typeface="Century Gothic"/>
                      </a:endParaRPr>
                    </a:p>
                  </a:txBody>
                  <a:tcPr marL="0" marR="0" marT="59054" marB="0"/>
                </a:tc>
                <a:tc>
                  <a:txBody>
                    <a:bodyPr/>
                    <a:lstStyle/>
                    <a:p>
                      <a:pPr marL="4445" algn="ctr">
                        <a:lnSpc>
                          <a:spcPts val="965"/>
                        </a:lnSpc>
                        <a:spcBef>
                          <a:spcPts val="464"/>
                        </a:spcBef>
                      </a:pPr>
                      <a:endParaRPr sz="900">
                        <a:latin typeface="Century Gothic"/>
                        <a:cs typeface="Century Gothic"/>
                      </a:endParaRPr>
                    </a:p>
                  </a:txBody>
                  <a:tcPr marL="0" marR="0" marT="59054" marB="0"/>
                </a:tc>
                <a:tc>
                  <a:txBody>
                    <a:bodyPr/>
                    <a:lstStyle/>
                    <a:p>
                      <a:pPr algn="ctr">
                        <a:lnSpc>
                          <a:spcPts val="965"/>
                        </a:lnSpc>
                        <a:spcBef>
                          <a:spcPts val="464"/>
                        </a:spcBef>
                      </a:pPr>
                      <a:endParaRPr sz="900">
                        <a:latin typeface="Century Gothic"/>
                        <a:cs typeface="Century Gothic"/>
                      </a:endParaRPr>
                    </a:p>
                  </a:txBody>
                  <a:tcPr marL="0" marR="0" marT="59054" marB="0"/>
                </a:tc>
                <a:tc>
                  <a:txBody>
                    <a:bodyPr/>
                    <a:lstStyle/>
                    <a:p>
                      <a:pPr marL="3810" algn="ctr">
                        <a:lnSpc>
                          <a:spcPts val="965"/>
                        </a:lnSpc>
                        <a:spcBef>
                          <a:spcPts val="464"/>
                        </a:spcBef>
                      </a:pPr>
                      <a:endParaRPr sz="900">
                        <a:latin typeface="Century Gothic"/>
                        <a:cs typeface="Century Gothic"/>
                      </a:endParaRPr>
                    </a:p>
                  </a:txBody>
                  <a:tcPr marL="0" marR="0" marT="59054" marB="0"/>
                </a:tc>
                <a:tc>
                  <a:txBody>
                    <a:bodyPr/>
                    <a:lstStyle/>
                    <a:p>
                      <a:pPr marL="122555">
                        <a:lnSpc>
                          <a:spcPts val="965"/>
                        </a:lnSpc>
                        <a:spcBef>
                          <a:spcPts val="464"/>
                        </a:spcBef>
                      </a:pPr>
                      <a:endParaRPr sz="900">
                        <a:latin typeface="Century Gothic"/>
                        <a:cs typeface="Century Gothic"/>
                      </a:endParaRPr>
                    </a:p>
                  </a:txBody>
                  <a:tcPr marL="0" marR="0" marT="59054" marB="0"/>
                </a:tc>
                <a:tc>
                  <a:txBody>
                    <a:bodyPr/>
                    <a:lstStyle/>
                    <a:p>
                      <a:pPr marR="10160" algn="ctr">
                        <a:lnSpc>
                          <a:spcPts val="965"/>
                        </a:lnSpc>
                        <a:spcBef>
                          <a:spcPts val="464"/>
                        </a:spcBef>
                      </a:pPr>
                      <a:endParaRPr sz="900">
                        <a:latin typeface="Century Gothic"/>
                        <a:cs typeface="Century Gothic"/>
                      </a:endParaRPr>
                    </a:p>
                  </a:txBody>
                  <a:tcPr marL="0" marR="0" marT="59054" marB="0"/>
                </a:tc>
                <a:tc>
                  <a:txBody>
                    <a:bodyPr/>
                    <a:lstStyle/>
                    <a:p>
                      <a:pPr marR="1270" algn="ctr">
                        <a:lnSpc>
                          <a:spcPts val="965"/>
                        </a:lnSpc>
                        <a:spcBef>
                          <a:spcPts val="464"/>
                        </a:spcBef>
                      </a:pPr>
                      <a:endParaRPr sz="900">
                        <a:latin typeface="Century Gothic"/>
                        <a:cs typeface="Century Gothic"/>
                      </a:endParaRPr>
                    </a:p>
                  </a:txBody>
                  <a:tcPr marL="0" marR="0" marT="59054" marB="0"/>
                </a:tc>
                <a:tc>
                  <a:txBody>
                    <a:bodyPr/>
                    <a:lstStyle/>
                    <a:p>
                      <a:pPr marR="5715" algn="ctr">
                        <a:lnSpc>
                          <a:spcPts val="965"/>
                        </a:lnSpc>
                        <a:spcBef>
                          <a:spcPts val="464"/>
                        </a:spcBef>
                      </a:pPr>
                      <a:endParaRPr sz="900">
                        <a:latin typeface="Century Gothic"/>
                        <a:cs typeface="Century Gothic"/>
                      </a:endParaRPr>
                    </a:p>
                  </a:txBody>
                  <a:tcPr marL="0" marR="0" marT="59054" marB="0"/>
                </a:tc>
                <a:tc>
                  <a:txBody>
                    <a:bodyPr/>
                    <a:lstStyle/>
                    <a:p>
                      <a:pPr marR="5080" algn="ctr">
                        <a:lnSpc>
                          <a:spcPts val="965"/>
                        </a:lnSpc>
                        <a:spcBef>
                          <a:spcPts val="464"/>
                        </a:spcBef>
                      </a:pPr>
                      <a:endParaRPr sz="900">
                        <a:latin typeface="Century Gothic"/>
                        <a:cs typeface="Century Gothic"/>
                      </a:endParaRPr>
                    </a:p>
                  </a:txBody>
                  <a:tcPr marL="0" marR="0" marT="59054" marB="0"/>
                </a:tc>
                <a:tc>
                  <a:txBody>
                    <a:bodyPr/>
                    <a:lstStyle/>
                    <a:p>
                      <a:pPr algn="ctr">
                        <a:lnSpc>
                          <a:spcPts val="965"/>
                        </a:lnSpc>
                        <a:spcBef>
                          <a:spcPts val="464"/>
                        </a:spcBef>
                      </a:pPr>
                      <a:endParaRPr sz="900">
                        <a:latin typeface="Century Gothic"/>
                        <a:cs typeface="Century Gothic"/>
                      </a:endParaRPr>
                    </a:p>
                  </a:txBody>
                  <a:tcPr marL="0" marR="0" marT="59054" marB="0"/>
                </a:tc>
                <a:tc>
                  <a:txBody>
                    <a:bodyPr/>
                    <a:lstStyle/>
                    <a:p>
                      <a:pPr marR="9525" algn="ctr">
                        <a:lnSpc>
                          <a:spcPts val="965"/>
                        </a:lnSpc>
                        <a:spcBef>
                          <a:spcPts val="464"/>
                        </a:spcBef>
                      </a:pPr>
                      <a:endParaRPr sz="900">
                        <a:latin typeface="Century Gothic"/>
                        <a:cs typeface="Century Gothic"/>
                      </a:endParaRPr>
                    </a:p>
                  </a:txBody>
                  <a:tcPr marL="0" marR="0" marT="59054" marB="0"/>
                </a:tc>
                <a:tc>
                  <a:txBody>
                    <a:bodyPr/>
                    <a:lstStyle/>
                    <a:p>
                      <a:pPr marL="180340">
                        <a:lnSpc>
                          <a:spcPts val="965"/>
                        </a:lnSpc>
                        <a:spcBef>
                          <a:spcPts val="464"/>
                        </a:spcBef>
                      </a:pPr>
                      <a:endParaRPr sz="900">
                        <a:latin typeface="Century Gothic"/>
                        <a:cs typeface="Century Gothic"/>
                      </a:endParaRPr>
                    </a:p>
                  </a:txBody>
                  <a:tcPr marL="0" marR="0" marT="59054" marB="0"/>
                </a:tc>
                <a:tc>
                  <a:txBody>
                    <a:bodyPr/>
                    <a:lstStyle/>
                    <a:p>
                      <a:pPr>
                        <a:lnSpc>
                          <a:spcPct val="100000"/>
                        </a:lnSpc>
                      </a:pPr>
                      <a:endParaRPr sz="1100">
                        <a:latin typeface="Times New Roman"/>
                        <a:cs typeface="Times New Roman"/>
                      </a:endParaRPr>
                    </a:p>
                  </a:txBody>
                  <a:tcPr marL="0" marR="0" marT="0" marB="0"/>
                </a:tc>
                <a:extLst>
                  <a:ext uri="{0D108BD9-81ED-4DB2-BD59-A6C34878D82A}">
                    <a16:rowId xmlns:a16="http://schemas.microsoft.com/office/drawing/2014/main" val="10001"/>
                  </a:ext>
                </a:extLst>
              </a:tr>
              <a:tr h="198247">
                <a:tc>
                  <a:txBody>
                    <a:bodyPr/>
                    <a:lstStyle/>
                    <a:p>
                      <a:pPr marR="118110" algn="r">
                        <a:lnSpc>
                          <a:spcPct val="100000"/>
                        </a:lnSpc>
                      </a:pPr>
                      <a:endParaRPr sz="900">
                        <a:latin typeface="Century Gothic"/>
                        <a:cs typeface="Century Gothic"/>
                      </a:endParaRPr>
                    </a:p>
                  </a:txBody>
                  <a:tcPr marL="0" marR="0" marT="0" marB="0"/>
                </a:tc>
                <a:tc>
                  <a:txBody>
                    <a:bodyPr/>
                    <a:lstStyle/>
                    <a:p>
                      <a:pPr marL="4445" algn="ctr">
                        <a:lnSpc>
                          <a:spcPct val="100000"/>
                        </a:lnSpc>
                      </a:pPr>
                      <a:endParaRPr sz="900">
                        <a:latin typeface="Century Gothic"/>
                        <a:cs typeface="Century Gothic"/>
                      </a:endParaRPr>
                    </a:p>
                  </a:txBody>
                  <a:tcPr marL="0" marR="0" marT="0" marB="0"/>
                </a:tc>
                <a:tc>
                  <a:txBody>
                    <a:bodyPr/>
                    <a:lstStyle/>
                    <a:p>
                      <a:pPr algn="ctr">
                        <a:lnSpc>
                          <a:spcPct val="100000"/>
                        </a:lnSpc>
                      </a:pPr>
                      <a:endParaRPr sz="900">
                        <a:latin typeface="Century Gothic"/>
                        <a:cs typeface="Century Gothic"/>
                      </a:endParaRPr>
                    </a:p>
                  </a:txBody>
                  <a:tcPr marL="0" marR="0" marT="0" marB="0"/>
                </a:tc>
                <a:tc>
                  <a:txBody>
                    <a:bodyPr/>
                    <a:lstStyle/>
                    <a:p>
                      <a:pPr marL="3810" algn="ctr">
                        <a:lnSpc>
                          <a:spcPct val="100000"/>
                        </a:lnSpc>
                      </a:pPr>
                      <a:endParaRPr sz="900">
                        <a:latin typeface="Century Gothic"/>
                        <a:cs typeface="Century Gothic"/>
                      </a:endParaRPr>
                    </a:p>
                  </a:txBody>
                  <a:tcPr marL="0" marR="0" marT="0" marB="0"/>
                </a:tc>
                <a:tc>
                  <a:txBody>
                    <a:bodyPr/>
                    <a:lstStyle/>
                    <a:p>
                      <a:pPr marL="154940">
                        <a:lnSpc>
                          <a:spcPct val="100000"/>
                        </a:lnSpc>
                      </a:pPr>
                      <a:endParaRPr sz="900">
                        <a:latin typeface="Century Gothic"/>
                        <a:cs typeface="Century Gothic"/>
                      </a:endParaRPr>
                    </a:p>
                  </a:txBody>
                  <a:tcPr marL="0" marR="0" marT="0" marB="0"/>
                </a:tc>
                <a:tc>
                  <a:txBody>
                    <a:bodyPr/>
                    <a:lstStyle/>
                    <a:p>
                      <a:pPr marR="10160" algn="ctr">
                        <a:lnSpc>
                          <a:spcPct val="100000"/>
                        </a:lnSpc>
                      </a:pPr>
                      <a:endParaRPr sz="900">
                        <a:latin typeface="Century Gothic"/>
                        <a:cs typeface="Century Gothic"/>
                      </a:endParaRPr>
                    </a:p>
                  </a:txBody>
                  <a:tcPr marL="0" marR="0" marT="0" marB="0"/>
                </a:tc>
                <a:tc>
                  <a:txBody>
                    <a:bodyPr/>
                    <a:lstStyle/>
                    <a:p>
                      <a:pPr marR="1270" algn="ctr">
                        <a:lnSpc>
                          <a:spcPct val="100000"/>
                        </a:lnSpc>
                      </a:pPr>
                      <a:endParaRPr sz="900">
                        <a:latin typeface="Century Gothic"/>
                        <a:cs typeface="Century Gothic"/>
                      </a:endParaRPr>
                    </a:p>
                  </a:txBody>
                  <a:tcPr marL="0" marR="0" marT="0" marB="0"/>
                </a:tc>
                <a:tc>
                  <a:txBody>
                    <a:bodyPr/>
                    <a:lstStyle/>
                    <a:p>
                      <a:pPr marR="6350" algn="ctr">
                        <a:lnSpc>
                          <a:spcPct val="100000"/>
                        </a:lnSpc>
                      </a:pPr>
                      <a:endParaRPr sz="900">
                        <a:latin typeface="Century Gothic"/>
                        <a:cs typeface="Century Gothic"/>
                      </a:endParaRPr>
                    </a:p>
                  </a:txBody>
                  <a:tcPr marL="0" marR="0" marT="0" marB="0"/>
                </a:tc>
                <a:tc>
                  <a:txBody>
                    <a:bodyPr/>
                    <a:lstStyle/>
                    <a:p>
                      <a:pPr marR="5080" algn="ctr">
                        <a:lnSpc>
                          <a:spcPct val="100000"/>
                        </a:lnSpc>
                      </a:pPr>
                      <a:endParaRPr sz="900">
                        <a:latin typeface="Century Gothic"/>
                        <a:cs typeface="Century Gothic"/>
                      </a:endParaRPr>
                    </a:p>
                  </a:txBody>
                  <a:tcPr marL="0" marR="0" marT="0" marB="0"/>
                </a:tc>
                <a:tc>
                  <a:txBody>
                    <a:bodyPr/>
                    <a:lstStyle/>
                    <a:p>
                      <a:pPr algn="ctr">
                        <a:lnSpc>
                          <a:spcPct val="100000"/>
                        </a:lnSpc>
                      </a:pPr>
                      <a:endParaRPr sz="900">
                        <a:latin typeface="Century Gothic"/>
                        <a:cs typeface="Century Gothic"/>
                      </a:endParaRPr>
                    </a:p>
                  </a:txBody>
                  <a:tcPr marL="0" marR="0" marT="0" marB="0"/>
                </a:tc>
                <a:tc>
                  <a:txBody>
                    <a:bodyPr/>
                    <a:lstStyle/>
                    <a:p>
                      <a:pPr marR="9525" algn="ctr">
                        <a:lnSpc>
                          <a:spcPct val="100000"/>
                        </a:lnSpc>
                      </a:pPr>
                      <a:endParaRPr sz="900">
                        <a:latin typeface="Century Gothic"/>
                        <a:cs typeface="Century Gothic"/>
                      </a:endParaRPr>
                    </a:p>
                  </a:txBody>
                  <a:tcPr marL="0" marR="0" marT="0" marB="0"/>
                </a:tc>
                <a:tc>
                  <a:txBody>
                    <a:bodyPr/>
                    <a:lstStyle/>
                    <a:p>
                      <a:pPr>
                        <a:lnSpc>
                          <a:spcPct val="100000"/>
                        </a:lnSpc>
                      </a:pPr>
                      <a:endParaRPr sz="1000">
                        <a:latin typeface="Times New Roman"/>
                        <a:cs typeface="Times New Roman"/>
                      </a:endParaRPr>
                    </a:p>
                  </a:txBody>
                  <a:tcPr marL="0" marR="0" marT="0" marB="0"/>
                </a:tc>
                <a:tc>
                  <a:txBody>
                    <a:bodyPr/>
                    <a:lstStyle/>
                    <a:p>
                      <a:pPr>
                        <a:lnSpc>
                          <a:spcPct val="100000"/>
                        </a:lnSpc>
                      </a:pPr>
                      <a:endParaRPr sz="1000">
                        <a:latin typeface="Times New Roman"/>
                        <a:cs typeface="Times New Roman"/>
                      </a:endParaRPr>
                    </a:p>
                  </a:txBody>
                  <a:tcPr marL="0" marR="0" marT="0" marB="0"/>
                </a:tc>
                <a:extLst>
                  <a:ext uri="{0D108BD9-81ED-4DB2-BD59-A6C34878D82A}">
                    <a16:rowId xmlns:a16="http://schemas.microsoft.com/office/drawing/2014/main" val="10002"/>
                  </a:ext>
                </a:extLst>
              </a:tr>
            </a:tbl>
          </a:graphicData>
        </a:graphic>
      </p:graphicFrame>
      <p:grpSp>
        <p:nvGrpSpPr>
          <p:cNvPr id="78" name="Group 77">
            <a:extLst>
              <a:ext uri="{FF2B5EF4-FFF2-40B4-BE49-F238E27FC236}">
                <a16:creationId xmlns:a16="http://schemas.microsoft.com/office/drawing/2014/main" id="{92C8C4CC-2E35-2561-948C-FD2C2EC48EB8}"/>
              </a:ext>
            </a:extLst>
          </p:cNvPr>
          <p:cNvGrpSpPr>
            <a:grpSpLocks noChangeAspect="1"/>
          </p:cNvGrpSpPr>
          <p:nvPr/>
        </p:nvGrpSpPr>
        <p:grpSpPr>
          <a:xfrm>
            <a:off x="1850468" y="1587500"/>
            <a:ext cx="7656095" cy="3805009"/>
            <a:chOff x="58389" y="1812720"/>
            <a:chExt cx="5885549" cy="2925064"/>
          </a:xfrm>
        </p:grpSpPr>
        <p:sp>
          <p:nvSpPr>
            <p:cNvPr id="79" name="object 12">
              <a:extLst>
                <a:ext uri="{FF2B5EF4-FFF2-40B4-BE49-F238E27FC236}">
                  <a16:creationId xmlns:a16="http://schemas.microsoft.com/office/drawing/2014/main" id="{776C1C69-0BDE-EDDB-2C3F-2F9068BE3C3B}"/>
                </a:ext>
              </a:extLst>
            </p:cNvPr>
            <p:cNvSpPr txBox="1"/>
            <p:nvPr/>
          </p:nvSpPr>
          <p:spPr>
            <a:xfrm>
              <a:off x="1920831" y="1812720"/>
              <a:ext cx="1434465" cy="400050"/>
            </a:xfrm>
            <a:prstGeom prst="rect">
              <a:avLst/>
            </a:prstGeom>
          </p:spPr>
          <p:txBody>
            <a:bodyPr vert="horz" wrap="square" lIns="0" tIns="16510" rIns="0" bIns="0" rtlCol="0">
              <a:spAutoFit/>
            </a:bodyPr>
            <a:lstStyle/>
            <a:p>
              <a:pPr marL="12700">
                <a:lnSpc>
                  <a:spcPct val="100000"/>
                </a:lnSpc>
                <a:spcBef>
                  <a:spcPts val="130"/>
                </a:spcBef>
              </a:pPr>
              <a:r>
                <a:rPr sz="1200" b="1">
                  <a:solidFill>
                    <a:srgbClr val="001F5F"/>
                  </a:solidFill>
                  <a:latin typeface="Century Gothic"/>
                  <a:cs typeface="Century Gothic"/>
                </a:rPr>
                <a:t>12</a:t>
              </a:r>
              <a:r>
                <a:rPr sz="1200" b="1" spc="25">
                  <a:solidFill>
                    <a:srgbClr val="001F5F"/>
                  </a:solidFill>
                  <a:latin typeface="Century Gothic"/>
                  <a:cs typeface="Century Gothic"/>
                </a:rPr>
                <a:t> </a:t>
              </a:r>
              <a:r>
                <a:rPr sz="1200" b="1" spc="-10">
                  <a:solidFill>
                    <a:srgbClr val="001F5F"/>
                  </a:solidFill>
                  <a:latin typeface="Century Gothic"/>
                  <a:cs typeface="Century Gothic"/>
                </a:rPr>
                <a:t>months:</a:t>
              </a:r>
              <a:endParaRPr sz="1200">
                <a:latin typeface="Century Gothic"/>
                <a:cs typeface="Century Gothic"/>
              </a:endParaRPr>
            </a:p>
            <a:p>
              <a:pPr marL="12700">
                <a:lnSpc>
                  <a:spcPct val="100000"/>
                </a:lnSpc>
                <a:spcBef>
                  <a:spcPts val="30"/>
                </a:spcBef>
              </a:pPr>
              <a:r>
                <a:rPr sz="1200">
                  <a:solidFill>
                    <a:srgbClr val="E02C5C"/>
                  </a:solidFill>
                  <a:latin typeface="Century Gothic"/>
                  <a:cs typeface="Century Gothic"/>
                </a:rPr>
                <a:t>Vorasidenib:</a:t>
              </a:r>
              <a:r>
                <a:rPr sz="1200" spc="105">
                  <a:solidFill>
                    <a:srgbClr val="E02C5C"/>
                  </a:solidFill>
                  <a:latin typeface="Century Gothic"/>
                  <a:cs typeface="Century Gothic"/>
                </a:rPr>
                <a:t> </a:t>
              </a:r>
              <a:r>
                <a:rPr sz="1200" spc="-10">
                  <a:solidFill>
                    <a:srgbClr val="001F5F"/>
                  </a:solidFill>
                  <a:latin typeface="Century Gothic"/>
                  <a:cs typeface="Century Gothic"/>
                </a:rPr>
                <a:t>77.3%</a:t>
              </a:r>
              <a:endParaRPr sz="1200">
                <a:latin typeface="Century Gothic"/>
                <a:cs typeface="Century Gothic"/>
              </a:endParaRPr>
            </a:p>
          </p:txBody>
        </p:sp>
        <p:sp>
          <p:nvSpPr>
            <p:cNvPr id="80" name="object 13">
              <a:extLst>
                <a:ext uri="{FF2B5EF4-FFF2-40B4-BE49-F238E27FC236}">
                  <a16:creationId xmlns:a16="http://schemas.microsoft.com/office/drawing/2014/main" id="{57549775-441F-CD40-3ADB-5DA220EF274E}"/>
                </a:ext>
              </a:extLst>
            </p:cNvPr>
            <p:cNvSpPr txBox="1"/>
            <p:nvPr/>
          </p:nvSpPr>
          <p:spPr>
            <a:xfrm>
              <a:off x="1933531" y="2197878"/>
              <a:ext cx="3410585" cy="648335"/>
            </a:xfrm>
            <a:prstGeom prst="rect">
              <a:avLst/>
            </a:prstGeom>
          </p:spPr>
          <p:txBody>
            <a:bodyPr vert="horz" wrap="square" lIns="0" tIns="4445" rIns="0" bIns="0" rtlCol="0">
              <a:spAutoFit/>
            </a:bodyPr>
            <a:lstStyle/>
            <a:p>
              <a:pPr>
                <a:lnSpc>
                  <a:spcPct val="100000"/>
                </a:lnSpc>
                <a:spcBef>
                  <a:spcPts val="35"/>
                </a:spcBef>
                <a:tabLst>
                  <a:tab pos="2001520" algn="l"/>
                </a:tabLst>
              </a:pPr>
              <a:r>
                <a:rPr sz="1200">
                  <a:solidFill>
                    <a:srgbClr val="001F5F"/>
                  </a:solidFill>
                  <a:latin typeface="Century Gothic"/>
                  <a:cs typeface="Century Gothic"/>
                </a:rPr>
                <a:t>Placebo:</a:t>
              </a:r>
              <a:r>
                <a:rPr sz="1200" spc="85">
                  <a:solidFill>
                    <a:srgbClr val="001F5F"/>
                  </a:solidFill>
                  <a:latin typeface="Century Gothic"/>
                  <a:cs typeface="Century Gothic"/>
                </a:rPr>
                <a:t> </a:t>
              </a:r>
              <a:r>
                <a:rPr sz="1200" spc="-10">
                  <a:solidFill>
                    <a:srgbClr val="001F5F"/>
                  </a:solidFill>
                  <a:latin typeface="Century Gothic"/>
                  <a:cs typeface="Century Gothic"/>
                </a:rPr>
                <a:t>47.3%</a:t>
              </a:r>
              <a:r>
                <a:rPr sz="1200">
                  <a:solidFill>
                    <a:srgbClr val="001F5F"/>
                  </a:solidFill>
                  <a:latin typeface="Century Gothic"/>
                  <a:cs typeface="Century Gothic"/>
                </a:rPr>
                <a:t>	</a:t>
              </a:r>
              <a:r>
                <a:rPr sz="1800" b="1" baseline="-30092">
                  <a:solidFill>
                    <a:srgbClr val="001F5F"/>
                  </a:solidFill>
                  <a:latin typeface="Century Gothic"/>
                  <a:cs typeface="Century Gothic"/>
                </a:rPr>
                <a:t>24</a:t>
              </a:r>
              <a:r>
                <a:rPr sz="1800" b="1" spc="37" baseline="-30092">
                  <a:solidFill>
                    <a:srgbClr val="001F5F"/>
                  </a:solidFill>
                  <a:latin typeface="Century Gothic"/>
                  <a:cs typeface="Century Gothic"/>
                </a:rPr>
                <a:t> </a:t>
              </a:r>
              <a:r>
                <a:rPr sz="1800" b="1" spc="-15" baseline="-30092">
                  <a:solidFill>
                    <a:srgbClr val="001F5F"/>
                  </a:solidFill>
                  <a:latin typeface="Century Gothic"/>
                  <a:cs typeface="Century Gothic"/>
                </a:rPr>
                <a:t>months:</a:t>
              </a:r>
              <a:endParaRPr sz="1800" baseline="-30092">
                <a:latin typeface="Century Gothic"/>
                <a:cs typeface="Century Gothic"/>
              </a:endParaRPr>
            </a:p>
            <a:p>
              <a:pPr marL="2001520">
                <a:lnSpc>
                  <a:spcPct val="100000"/>
                </a:lnSpc>
                <a:spcBef>
                  <a:spcPts val="685"/>
                </a:spcBef>
              </a:pPr>
              <a:r>
                <a:rPr sz="1200">
                  <a:solidFill>
                    <a:srgbClr val="E02C5C"/>
                  </a:solidFill>
                  <a:latin typeface="Century Gothic"/>
                  <a:cs typeface="Century Gothic"/>
                </a:rPr>
                <a:t>Vorasidenib:</a:t>
              </a:r>
              <a:r>
                <a:rPr sz="1200" spc="105">
                  <a:solidFill>
                    <a:srgbClr val="E02C5C"/>
                  </a:solidFill>
                  <a:latin typeface="Century Gothic"/>
                  <a:cs typeface="Century Gothic"/>
                </a:rPr>
                <a:t> </a:t>
              </a:r>
              <a:r>
                <a:rPr sz="1200" spc="-10">
                  <a:solidFill>
                    <a:srgbClr val="001F5F"/>
                  </a:solidFill>
                  <a:latin typeface="Century Gothic"/>
                  <a:cs typeface="Century Gothic"/>
                </a:rPr>
                <a:t>58.8%</a:t>
              </a:r>
              <a:endParaRPr sz="1200">
                <a:latin typeface="Century Gothic"/>
                <a:cs typeface="Century Gothic"/>
              </a:endParaRPr>
            </a:p>
            <a:p>
              <a:pPr marL="2001520">
                <a:lnSpc>
                  <a:spcPct val="100000"/>
                </a:lnSpc>
                <a:spcBef>
                  <a:spcPts val="30"/>
                </a:spcBef>
              </a:pPr>
              <a:r>
                <a:rPr sz="1200">
                  <a:solidFill>
                    <a:srgbClr val="001F5F"/>
                  </a:solidFill>
                  <a:latin typeface="Century Gothic"/>
                  <a:cs typeface="Century Gothic"/>
                </a:rPr>
                <a:t>Placebo:</a:t>
              </a:r>
              <a:r>
                <a:rPr sz="1200" spc="85">
                  <a:solidFill>
                    <a:srgbClr val="001F5F"/>
                  </a:solidFill>
                  <a:latin typeface="Century Gothic"/>
                  <a:cs typeface="Century Gothic"/>
                </a:rPr>
                <a:t> </a:t>
              </a:r>
              <a:r>
                <a:rPr sz="1200" spc="-10">
                  <a:solidFill>
                    <a:srgbClr val="001F5F"/>
                  </a:solidFill>
                  <a:latin typeface="Century Gothic"/>
                  <a:cs typeface="Century Gothic"/>
                </a:rPr>
                <a:t>26.2%</a:t>
              </a:r>
              <a:endParaRPr sz="1200">
                <a:latin typeface="Century Gothic"/>
                <a:cs typeface="Century Gothic"/>
              </a:endParaRPr>
            </a:p>
          </p:txBody>
        </p:sp>
        <p:grpSp>
          <p:nvGrpSpPr>
            <p:cNvPr id="81" name="object 14">
              <a:extLst>
                <a:ext uri="{FF2B5EF4-FFF2-40B4-BE49-F238E27FC236}">
                  <a16:creationId xmlns:a16="http://schemas.microsoft.com/office/drawing/2014/main" id="{FE328D58-0AF9-1782-E475-DB23F63E0E41}"/>
                </a:ext>
              </a:extLst>
            </p:cNvPr>
            <p:cNvGrpSpPr/>
            <p:nvPr/>
          </p:nvGrpSpPr>
          <p:grpSpPr>
            <a:xfrm>
              <a:off x="602318" y="2208714"/>
              <a:ext cx="5341620" cy="2038985"/>
              <a:chOff x="602318" y="2208714"/>
              <a:chExt cx="5341620" cy="2038985"/>
            </a:xfrm>
          </p:grpSpPr>
          <p:pic>
            <p:nvPicPr>
              <p:cNvPr id="109" name="object 15">
                <a:extLst>
                  <a:ext uri="{FF2B5EF4-FFF2-40B4-BE49-F238E27FC236}">
                    <a16:creationId xmlns:a16="http://schemas.microsoft.com/office/drawing/2014/main" id="{7EE5CB7E-52FA-9285-90E9-6227457F6D86}"/>
                  </a:ext>
                </a:extLst>
              </p:cNvPr>
              <p:cNvPicPr/>
              <p:nvPr/>
            </p:nvPicPr>
            <p:blipFill>
              <a:blip r:embed="rId2" cstate="print"/>
              <a:stretch>
                <a:fillRect/>
              </a:stretch>
            </p:blipFill>
            <p:spPr>
              <a:xfrm>
                <a:off x="602318" y="2208714"/>
                <a:ext cx="4942332" cy="2011679"/>
              </a:xfrm>
              <a:prstGeom prst="rect">
                <a:avLst/>
              </a:prstGeom>
            </p:spPr>
          </p:pic>
          <p:sp>
            <p:nvSpPr>
              <p:cNvPr id="110" name="object 16">
                <a:extLst>
                  <a:ext uri="{FF2B5EF4-FFF2-40B4-BE49-F238E27FC236}">
                    <a16:creationId xmlns:a16="http://schemas.microsoft.com/office/drawing/2014/main" id="{D915871C-FE06-52E5-FE5F-FE4B3BE698FA}"/>
                  </a:ext>
                </a:extLst>
              </p:cNvPr>
              <p:cNvSpPr/>
              <p:nvPr/>
            </p:nvSpPr>
            <p:spPr>
              <a:xfrm>
                <a:off x="613748" y="2230812"/>
                <a:ext cx="5324475" cy="1983739"/>
              </a:xfrm>
              <a:custGeom>
                <a:avLst/>
                <a:gdLst/>
                <a:ahLst/>
                <a:cxnLst/>
                <a:rect l="l" t="t" r="r" b="b"/>
                <a:pathLst>
                  <a:path w="5324475" h="1983739">
                    <a:moveTo>
                      <a:pt x="0" y="0"/>
                    </a:moveTo>
                    <a:lnTo>
                      <a:pt x="0" y="1983486"/>
                    </a:lnTo>
                    <a:lnTo>
                      <a:pt x="5324094" y="1983485"/>
                    </a:lnTo>
                  </a:path>
                </a:pathLst>
              </a:custGeom>
              <a:ln w="11137">
                <a:solidFill>
                  <a:srgbClr val="001F5F"/>
                </a:solidFill>
              </a:ln>
            </p:spPr>
            <p:txBody>
              <a:bodyPr wrap="square" lIns="0" tIns="0" rIns="0" bIns="0" rtlCol="0"/>
              <a:lstStyle/>
              <a:p>
                <a:endParaRPr/>
              </a:p>
            </p:txBody>
          </p:sp>
          <p:sp>
            <p:nvSpPr>
              <p:cNvPr id="111" name="object 17">
                <a:extLst>
                  <a:ext uri="{FF2B5EF4-FFF2-40B4-BE49-F238E27FC236}">
                    <a16:creationId xmlns:a16="http://schemas.microsoft.com/office/drawing/2014/main" id="{4DB0F781-D474-1EB3-918A-B4A1C5C73828}"/>
                  </a:ext>
                </a:extLst>
              </p:cNvPr>
              <p:cNvSpPr/>
              <p:nvPr/>
            </p:nvSpPr>
            <p:spPr>
              <a:xfrm>
                <a:off x="2388446" y="2685726"/>
                <a:ext cx="1774825" cy="1556385"/>
              </a:xfrm>
              <a:custGeom>
                <a:avLst/>
                <a:gdLst/>
                <a:ahLst/>
                <a:cxnLst/>
                <a:rect l="l" t="t" r="r" b="b"/>
                <a:pathLst>
                  <a:path w="1774825" h="1556385">
                    <a:moveTo>
                      <a:pt x="1774697" y="363474"/>
                    </a:moveTo>
                    <a:lnTo>
                      <a:pt x="1774697" y="1556003"/>
                    </a:lnTo>
                  </a:path>
                  <a:path w="1774825" h="1556385">
                    <a:moveTo>
                      <a:pt x="0" y="0"/>
                    </a:moveTo>
                    <a:lnTo>
                      <a:pt x="0" y="1533905"/>
                    </a:lnTo>
                  </a:path>
                </a:pathLst>
              </a:custGeom>
              <a:ln w="11137">
                <a:solidFill>
                  <a:srgbClr val="32363F"/>
                </a:solidFill>
                <a:prstDash val="sysDash"/>
              </a:ln>
            </p:spPr>
            <p:txBody>
              <a:bodyPr wrap="square" lIns="0" tIns="0" rIns="0" bIns="0" rtlCol="0"/>
              <a:lstStyle/>
              <a:p>
                <a:endParaRPr/>
              </a:p>
            </p:txBody>
          </p:sp>
        </p:grpSp>
        <p:sp>
          <p:nvSpPr>
            <p:cNvPr id="82" name="object 18">
              <a:extLst>
                <a:ext uri="{FF2B5EF4-FFF2-40B4-BE49-F238E27FC236}">
                  <a16:creationId xmlns:a16="http://schemas.microsoft.com/office/drawing/2014/main" id="{65D21C63-B6B4-DB6C-AB49-530E49EF2421}"/>
                </a:ext>
              </a:extLst>
            </p:cNvPr>
            <p:cNvSpPr txBox="1"/>
            <p:nvPr/>
          </p:nvSpPr>
          <p:spPr>
            <a:xfrm>
              <a:off x="58389" y="2842103"/>
              <a:ext cx="207645" cy="784225"/>
            </a:xfrm>
            <a:prstGeom prst="rect">
              <a:avLst/>
            </a:prstGeom>
          </p:spPr>
          <p:txBody>
            <a:bodyPr vert="vert270" wrap="square" lIns="0" tIns="15875" rIns="0" bIns="0" rtlCol="0">
              <a:spAutoFit/>
            </a:bodyPr>
            <a:lstStyle/>
            <a:p>
              <a:pPr marL="12700">
                <a:lnSpc>
                  <a:spcPct val="100000"/>
                </a:lnSpc>
                <a:spcBef>
                  <a:spcPts val="125"/>
                </a:spcBef>
              </a:pPr>
              <a:r>
                <a:rPr sz="1150" b="1" spc="-10">
                  <a:solidFill>
                    <a:srgbClr val="001F5F"/>
                  </a:solidFill>
                  <a:latin typeface="Century Gothic"/>
                  <a:cs typeface="Century Gothic"/>
                </a:rPr>
                <a:t>Probability</a:t>
              </a:r>
              <a:endParaRPr sz="1150">
                <a:latin typeface="Century Gothic"/>
                <a:cs typeface="Century Gothic"/>
              </a:endParaRPr>
            </a:p>
          </p:txBody>
        </p:sp>
        <p:sp>
          <p:nvSpPr>
            <p:cNvPr id="83" name="object 19">
              <a:extLst>
                <a:ext uri="{FF2B5EF4-FFF2-40B4-BE49-F238E27FC236}">
                  <a16:creationId xmlns:a16="http://schemas.microsoft.com/office/drawing/2014/main" id="{5609BB8C-C18F-8BE8-D32E-03839C5F6149}"/>
                </a:ext>
              </a:extLst>
            </p:cNvPr>
            <p:cNvSpPr txBox="1"/>
            <p:nvPr/>
          </p:nvSpPr>
          <p:spPr>
            <a:xfrm>
              <a:off x="309958" y="2144197"/>
              <a:ext cx="241935" cy="213360"/>
            </a:xfrm>
            <a:prstGeom prst="rect">
              <a:avLst/>
            </a:prstGeom>
          </p:spPr>
          <p:txBody>
            <a:bodyPr vert="horz" wrap="square" lIns="0" tIns="16510" rIns="0" bIns="0" rtlCol="0">
              <a:spAutoFit/>
            </a:bodyPr>
            <a:lstStyle/>
            <a:p>
              <a:pPr marL="12700">
                <a:lnSpc>
                  <a:spcPct val="100000"/>
                </a:lnSpc>
                <a:spcBef>
                  <a:spcPts val="130"/>
                </a:spcBef>
              </a:pPr>
              <a:r>
                <a:rPr sz="1200" spc="-25">
                  <a:solidFill>
                    <a:srgbClr val="001F5F"/>
                  </a:solidFill>
                  <a:latin typeface="Century Gothic"/>
                  <a:cs typeface="Century Gothic"/>
                </a:rPr>
                <a:t>1.0</a:t>
              </a:r>
              <a:endParaRPr sz="1200">
                <a:latin typeface="Century Gothic"/>
                <a:cs typeface="Century Gothic"/>
              </a:endParaRPr>
            </a:p>
          </p:txBody>
        </p:sp>
        <p:sp>
          <p:nvSpPr>
            <p:cNvPr id="84" name="object 20">
              <a:extLst>
                <a:ext uri="{FF2B5EF4-FFF2-40B4-BE49-F238E27FC236}">
                  <a16:creationId xmlns:a16="http://schemas.microsoft.com/office/drawing/2014/main" id="{89543170-64CB-916D-A0DB-1E93CFFD8A6F}"/>
                </a:ext>
              </a:extLst>
            </p:cNvPr>
            <p:cNvSpPr txBox="1"/>
            <p:nvPr/>
          </p:nvSpPr>
          <p:spPr>
            <a:xfrm>
              <a:off x="309958" y="2540440"/>
              <a:ext cx="241935" cy="213360"/>
            </a:xfrm>
            <a:prstGeom prst="rect">
              <a:avLst/>
            </a:prstGeom>
          </p:spPr>
          <p:txBody>
            <a:bodyPr vert="horz" wrap="square" lIns="0" tIns="16510" rIns="0" bIns="0" rtlCol="0">
              <a:spAutoFit/>
            </a:bodyPr>
            <a:lstStyle/>
            <a:p>
              <a:pPr marL="12700">
                <a:lnSpc>
                  <a:spcPct val="100000"/>
                </a:lnSpc>
                <a:spcBef>
                  <a:spcPts val="130"/>
                </a:spcBef>
              </a:pPr>
              <a:r>
                <a:rPr sz="1200" spc="-25">
                  <a:solidFill>
                    <a:srgbClr val="001F5F"/>
                  </a:solidFill>
                  <a:latin typeface="Century Gothic"/>
                  <a:cs typeface="Century Gothic"/>
                </a:rPr>
                <a:t>0.8</a:t>
              </a:r>
              <a:endParaRPr sz="1200">
                <a:latin typeface="Century Gothic"/>
                <a:cs typeface="Century Gothic"/>
              </a:endParaRPr>
            </a:p>
          </p:txBody>
        </p:sp>
        <p:sp>
          <p:nvSpPr>
            <p:cNvPr id="85" name="object 21">
              <a:extLst>
                <a:ext uri="{FF2B5EF4-FFF2-40B4-BE49-F238E27FC236}">
                  <a16:creationId xmlns:a16="http://schemas.microsoft.com/office/drawing/2014/main" id="{E0AE1A64-AD20-6EA1-3093-3DD08FE69E67}"/>
                </a:ext>
              </a:extLst>
            </p:cNvPr>
            <p:cNvSpPr txBox="1"/>
            <p:nvPr/>
          </p:nvSpPr>
          <p:spPr>
            <a:xfrm>
              <a:off x="309958" y="2936682"/>
              <a:ext cx="241935" cy="213360"/>
            </a:xfrm>
            <a:prstGeom prst="rect">
              <a:avLst/>
            </a:prstGeom>
          </p:spPr>
          <p:txBody>
            <a:bodyPr vert="horz" wrap="square" lIns="0" tIns="16510" rIns="0" bIns="0" rtlCol="0">
              <a:spAutoFit/>
            </a:bodyPr>
            <a:lstStyle/>
            <a:p>
              <a:pPr marL="12700">
                <a:lnSpc>
                  <a:spcPct val="100000"/>
                </a:lnSpc>
                <a:spcBef>
                  <a:spcPts val="130"/>
                </a:spcBef>
              </a:pPr>
              <a:r>
                <a:rPr sz="1200" spc="-25">
                  <a:solidFill>
                    <a:srgbClr val="001F5F"/>
                  </a:solidFill>
                  <a:latin typeface="Century Gothic"/>
                  <a:cs typeface="Century Gothic"/>
                </a:rPr>
                <a:t>0.6</a:t>
              </a:r>
              <a:endParaRPr sz="1200">
                <a:latin typeface="Century Gothic"/>
                <a:cs typeface="Century Gothic"/>
              </a:endParaRPr>
            </a:p>
          </p:txBody>
        </p:sp>
        <p:sp>
          <p:nvSpPr>
            <p:cNvPr id="86" name="object 22">
              <a:extLst>
                <a:ext uri="{FF2B5EF4-FFF2-40B4-BE49-F238E27FC236}">
                  <a16:creationId xmlns:a16="http://schemas.microsoft.com/office/drawing/2014/main" id="{5860B833-F844-BF5E-CF1F-1CD77CA0F82E}"/>
                </a:ext>
              </a:extLst>
            </p:cNvPr>
            <p:cNvSpPr txBox="1"/>
            <p:nvPr/>
          </p:nvSpPr>
          <p:spPr>
            <a:xfrm>
              <a:off x="309958" y="3332925"/>
              <a:ext cx="241935" cy="213360"/>
            </a:xfrm>
            <a:prstGeom prst="rect">
              <a:avLst/>
            </a:prstGeom>
          </p:spPr>
          <p:txBody>
            <a:bodyPr vert="horz" wrap="square" lIns="0" tIns="16510" rIns="0" bIns="0" rtlCol="0">
              <a:spAutoFit/>
            </a:bodyPr>
            <a:lstStyle/>
            <a:p>
              <a:pPr marL="12700">
                <a:lnSpc>
                  <a:spcPct val="100000"/>
                </a:lnSpc>
                <a:spcBef>
                  <a:spcPts val="130"/>
                </a:spcBef>
              </a:pPr>
              <a:r>
                <a:rPr sz="1200" spc="-25">
                  <a:solidFill>
                    <a:srgbClr val="001F5F"/>
                  </a:solidFill>
                  <a:latin typeface="Century Gothic"/>
                  <a:cs typeface="Century Gothic"/>
                </a:rPr>
                <a:t>0.4</a:t>
              </a:r>
              <a:endParaRPr sz="1200">
                <a:latin typeface="Century Gothic"/>
                <a:cs typeface="Century Gothic"/>
              </a:endParaRPr>
            </a:p>
          </p:txBody>
        </p:sp>
        <p:sp>
          <p:nvSpPr>
            <p:cNvPr id="87" name="object 23">
              <a:extLst>
                <a:ext uri="{FF2B5EF4-FFF2-40B4-BE49-F238E27FC236}">
                  <a16:creationId xmlns:a16="http://schemas.microsoft.com/office/drawing/2014/main" id="{1FA4C891-74C3-EDC3-0860-EABD05B9BF54}"/>
                </a:ext>
              </a:extLst>
            </p:cNvPr>
            <p:cNvSpPr txBox="1"/>
            <p:nvPr/>
          </p:nvSpPr>
          <p:spPr>
            <a:xfrm>
              <a:off x="309958" y="3729932"/>
              <a:ext cx="241935" cy="213360"/>
            </a:xfrm>
            <a:prstGeom prst="rect">
              <a:avLst/>
            </a:prstGeom>
          </p:spPr>
          <p:txBody>
            <a:bodyPr vert="horz" wrap="square" lIns="0" tIns="16510" rIns="0" bIns="0" rtlCol="0">
              <a:spAutoFit/>
            </a:bodyPr>
            <a:lstStyle/>
            <a:p>
              <a:pPr marL="12700">
                <a:lnSpc>
                  <a:spcPct val="100000"/>
                </a:lnSpc>
                <a:spcBef>
                  <a:spcPts val="130"/>
                </a:spcBef>
              </a:pPr>
              <a:r>
                <a:rPr sz="1200" spc="-25">
                  <a:solidFill>
                    <a:srgbClr val="001F5F"/>
                  </a:solidFill>
                  <a:latin typeface="Century Gothic"/>
                  <a:cs typeface="Century Gothic"/>
                </a:rPr>
                <a:t>0.2</a:t>
              </a:r>
              <a:endParaRPr sz="1200">
                <a:latin typeface="Century Gothic"/>
                <a:cs typeface="Century Gothic"/>
              </a:endParaRPr>
            </a:p>
          </p:txBody>
        </p:sp>
        <p:sp>
          <p:nvSpPr>
            <p:cNvPr id="88" name="object 25">
              <a:extLst>
                <a:ext uri="{FF2B5EF4-FFF2-40B4-BE49-F238E27FC236}">
                  <a16:creationId xmlns:a16="http://schemas.microsoft.com/office/drawing/2014/main" id="{463BA8F9-CFB8-1809-886A-7EA789CB26BF}"/>
                </a:ext>
              </a:extLst>
            </p:cNvPr>
            <p:cNvSpPr txBox="1"/>
            <p:nvPr/>
          </p:nvSpPr>
          <p:spPr>
            <a:xfrm>
              <a:off x="2629829" y="4533949"/>
              <a:ext cx="1254125" cy="203835"/>
            </a:xfrm>
            <a:prstGeom prst="rect">
              <a:avLst/>
            </a:prstGeom>
          </p:spPr>
          <p:txBody>
            <a:bodyPr vert="horz" wrap="square" lIns="0" tIns="15240" rIns="0" bIns="0" rtlCol="0">
              <a:spAutoFit/>
            </a:bodyPr>
            <a:lstStyle/>
            <a:p>
              <a:pPr marL="12700">
                <a:lnSpc>
                  <a:spcPct val="100000"/>
                </a:lnSpc>
                <a:spcBef>
                  <a:spcPts val="120"/>
                </a:spcBef>
              </a:pPr>
              <a:r>
                <a:rPr sz="1150" b="1">
                  <a:solidFill>
                    <a:srgbClr val="001F5F"/>
                  </a:solidFill>
                  <a:latin typeface="Century Gothic"/>
                  <a:cs typeface="Century Gothic"/>
                </a:rPr>
                <a:t>Survival</a:t>
              </a:r>
              <a:r>
                <a:rPr sz="1150" b="1" spc="50">
                  <a:solidFill>
                    <a:srgbClr val="001F5F"/>
                  </a:solidFill>
                  <a:latin typeface="Century Gothic"/>
                  <a:cs typeface="Century Gothic"/>
                </a:rPr>
                <a:t> </a:t>
              </a:r>
              <a:r>
                <a:rPr sz="1150" b="1" spc="-10">
                  <a:solidFill>
                    <a:srgbClr val="001F5F"/>
                  </a:solidFill>
                  <a:latin typeface="Century Gothic"/>
                  <a:cs typeface="Century Gothic"/>
                </a:rPr>
                <a:t>(months)</a:t>
              </a:r>
              <a:endParaRPr sz="1150">
                <a:latin typeface="Century Gothic"/>
                <a:cs typeface="Century Gothic"/>
              </a:endParaRPr>
            </a:p>
          </p:txBody>
        </p:sp>
        <p:grpSp>
          <p:nvGrpSpPr>
            <p:cNvPr id="89" name="object 27">
              <a:extLst>
                <a:ext uri="{FF2B5EF4-FFF2-40B4-BE49-F238E27FC236}">
                  <a16:creationId xmlns:a16="http://schemas.microsoft.com/office/drawing/2014/main" id="{F8F1AF69-DD1D-39A1-4BC6-6B49DB0FC59F}"/>
                </a:ext>
              </a:extLst>
            </p:cNvPr>
            <p:cNvGrpSpPr/>
            <p:nvPr/>
          </p:nvGrpSpPr>
          <p:grpSpPr>
            <a:xfrm>
              <a:off x="608033" y="4152956"/>
              <a:ext cx="5135880" cy="150495"/>
              <a:chOff x="608033" y="4152956"/>
              <a:chExt cx="5135880" cy="150495"/>
            </a:xfrm>
          </p:grpSpPr>
          <p:sp>
            <p:nvSpPr>
              <p:cNvPr id="96" name="object 28">
                <a:extLst>
                  <a:ext uri="{FF2B5EF4-FFF2-40B4-BE49-F238E27FC236}">
                    <a16:creationId xmlns:a16="http://schemas.microsoft.com/office/drawing/2014/main" id="{9E781D51-43D8-53E7-60F8-58F67163705D}"/>
                  </a:ext>
                </a:extLst>
              </p:cNvPr>
              <p:cNvSpPr/>
              <p:nvPr/>
            </p:nvSpPr>
            <p:spPr>
              <a:xfrm>
                <a:off x="1057232"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97" name="object 29">
                <a:extLst>
                  <a:ext uri="{FF2B5EF4-FFF2-40B4-BE49-F238E27FC236}">
                    <a16:creationId xmlns:a16="http://schemas.microsoft.com/office/drawing/2014/main" id="{1798D837-FE84-9FFB-742C-04720818393D}"/>
                  </a:ext>
                </a:extLst>
              </p:cNvPr>
              <p:cNvSpPr/>
              <p:nvPr/>
            </p:nvSpPr>
            <p:spPr>
              <a:xfrm>
                <a:off x="1500716"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98" name="object 30">
                <a:extLst>
                  <a:ext uri="{FF2B5EF4-FFF2-40B4-BE49-F238E27FC236}">
                    <a16:creationId xmlns:a16="http://schemas.microsoft.com/office/drawing/2014/main" id="{EE3DBD5B-FAFE-5BE7-E552-EDDE41358887}"/>
                  </a:ext>
                </a:extLst>
              </p:cNvPr>
              <p:cNvSpPr/>
              <p:nvPr/>
            </p:nvSpPr>
            <p:spPr>
              <a:xfrm>
                <a:off x="2831930"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99" name="object 31">
                <a:extLst>
                  <a:ext uri="{FF2B5EF4-FFF2-40B4-BE49-F238E27FC236}">
                    <a16:creationId xmlns:a16="http://schemas.microsoft.com/office/drawing/2014/main" id="{D679A5D3-FCF3-AE5D-CAD9-5EEFA50C1DEE}"/>
                  </a:ext>
                </a:extLst>
              </p:cNvPr>
              <p:cNvSpPr/>
              <p:nvPr/>
            </p:nvSpPr>
            <p:spPr>
              <a:xfrm>
                <a:off x="2388446"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100" name="object 32">
                <a:extLst>
                  <a:ext uri="{FF2B5EF4-FFF2-40B4-BE49-F238E27FC236}">
                    <a16:creationId xmlns:a16="http://schemas.microsoft.com/office/drawing/2014/main" id="{A6562CDF-85FD-5AE8-21C5-85A7C3B35A39}"/>
                  </a:ext>
                </a:extLst>
              </p:cNvPr>
              <p:cNvSpPr/>
              <p:nvPr/>
            </p:nvSpPr>
            <p:spPr>
              <a:xfrm>
                <a:off x="1944200"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101" name="object 33">
                <a:extLst>
                  <a:ext uri="{FF2B5EF4-FFF2-40B4-BE49-F238E27FC236}">
                    <a16:creationId xmlns:a16="http://schemas.microsoft.com/office/drawing/2014/main" id="{6165BDC9-D361-096F-0B02-10BDF44D9BA5}"/>
                  </a:ext>
                </a:extLst>
              </p:cNvPr>
              <p:cNvSpPr/>
              <p:nvPr/>
            </p:nvSpPr>
            <p:spPr>
              <a:xfrm>
                <a:off x="3718898"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102" name="object 34">
                <a:extLst>
                  <a:ext uri="{FF2B5EF4-FFF2-40B4-BE49-F238E27FC236}">
                    <a16:creationId xmlns:a16="http://schemas.microsoft.com/office/drawing/2014/main" id="{BAC84D59-4BE0-7398-9B22-422BA17785A8}"/>
                  </a:ext>
                </a:extLst>
              </p:cNvPr>
              <p:cNvSpPr/>
              <p:nvPr/>
            </p:nvSpPr>
            <p:spPr>
              <a:xfrm>
                <a:off x="3275414"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103" name="object 35">
                <a:extLst>
                  <a:ext uri="{FF2B5EF4-FFF2-40B4-BE49-F238E27FC236}">
                    <a16:creationId xmlns:a16="http://schemas.microsoft.com/office/drawing/2014/main" id="{8F8313FF-49BA-AAF1-CED9-6F45643CDA0E}"/>
                  </a:ext>
                </a:extLst>
              </p:cNvPr>
              <p:cNvSpPr/>
              <p:nvPr/>
            </p:nvSpPr>
            <p:spPr>
              <a:xfrm>
                <a:off x="4606628"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104" name="object 36">
                <a:extLst>
                  <a:ext uri="{FF2B5EF4-FFF2-40B4-BE49-F238E27FC236}">
                    <a16:creationId xmlns:a16="http://schemas.microsoft.com/office/drawing/2014/main" id="{696F9ADA-0C48-9F77-E614-DB2BA8C35989}"/>
                  </a:ext>
                </a:extLst>
              </p:cNvPr>
              <p:cNvSpPr/>
              <p:nvPr/>
            </p:nvSpPr>
            <p:spPr>
              <a:xfrm>
                <a:off x="5050112"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105" name="object 37">
                <a:extLst>
                  <a:ext uri="{FF2B5EF4-FFF2-40B4-BE49-F238E27FC236}">
                    <a16:creationId xmlns:a16="http://schemas.microsoft.com/office/drawing/2014/main" id="{CB4F6745-27D4-EE79-21D4-F1B2C365DAA6}"/>
                  </a:ext>
                </a:extLst>
              </p:cNvPr>
              <p:cNvSpPr/>
              <p:nvPr/>
            </p:nvSpPr>
            <p:spPr>
              <a:xfrm>
                <a:off x="5493596"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106" name="object 38">
                <a:extLst>
                  <a:ext uri="{FF2B5EF4-FFF2-40B4-BE49-F238E27FC236}">
                    <a16:creationId xmlns:a16="http://schemas.microsoft.com/office/drawing/2014/main" id="{E63F0C20-8A21-5FC1-9F60-C306704E8A4B}"/>
                  </a:ext>
                </a:extLst>
              </p:cNvPr>
              <p:cNvSpPr/>
              <p:nvPr/>
            </p:nvSpPr>
            <p:spPr>
              <a:xfrm>
                <a:off x="4163144" y="421963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sp>
            <p:nvSpPr>
              <p:cNvPr id="107" name="object 39">
                <a:extLst>
                  <a:ext uri="{FF2B5EF4-FFF2-40B4-BE49-F238E27FC236}">
                    <a16:creationId xmlns:a16="http://schemas.microsoft.com/office/drawing/2014/main" id="{CBF45E38-B8DE-87DE-5D5E-CB48FA8966A3}"/>
                  </a:ext>
                </a:extLst>
              </p:cNvPr>
              <p:cNvSpPr/>
              <p:nvPr/>
            </p:nvSpPr>
            <p:spPr>
              <a:xfrm>
                <a:off x="5738198" y="4158671"/>
                <a:ext cx="0" cy="70485"/>
              </a:xfrm>
              <a:custGeom>
                <a:avLst/>
                <a:gdLst/>
                <a:ahLst/>
                <a:cxnLst/>
                <a:rect l="l" t="t" r="r" b="b"/>
                <a:pathLst>
                  <a:path h="70485">
                    <a:moveTo>
                      <a:pt x="0" y="70103"/>
                    </a:moveTo>
                    <a:lnTo>
                      <a:pt x="0" y="0"/>
                    </a:lnTo>
                  </a:path>
                </a:pathLst>
              </a:custGeom>
              <a:ln w="11137">
                <a:solidFill>
                  <a:srgbClr val="001F5F"/>
                </a:solidFill>
              </a:ln>
            </p:spPr>
            <p:txBody>
              <a:bodyPr wrap="square" lIns="0" tIns="0" rIns="0" bIns="0" rtlCol="0"/>
              <a:lstStyle/>
              <a:p>
                <a:endParaRPr/>
              </a:p>
            </p:txBody>
          </p:sp>
          <p:sp>
            <p:nvSpPr>
              <p:cNvPr id="108" name="object 40">
                <a:extLst>
                  <a:ext uri="{FF2B5EF4-FFF2-40B4-BE49-F238E27FC236}">
                    <a16:creationId xmlns:a16="http://schemas.microsoft.com/office/drawing/2014/main" id="{37704BCA-A13C-B1B8-B94D-F88F8A1FB4BD}"/>
                  </a:ext>
                </a:extLst>
              </p:cNvPr>
              <p:cNvSpPr/>
              <p:nvPr/>
            </p:nvSpPr>
            <p:spPr>
              <a:xfrm>
                <a:off x="613748" y="4227251"/>
                <a:ext cx="0" cy="70485"/>
              </a:xfrm>
              <a:custGeom>
                <a:avLst/>
                <a:gdLst/>
                <a:ahLst/>
                <a:cxnLst/>
                <a:rect l="l" t="t" r="r" b="b"/>
                <a:pathLst>
                  <a:path h="70485">
                    <a:moveTo>
                      <a:pt x="0" y="70104"/>
                    </a:moveTo>
                    <a:lnTo>
                      <a:pt x="0" y="0"/>
                    </a:lnTo>
                  </a:path>
                </a:pathLst>
              </a:custGeom>
              <a:ln w="11137">
                <a:solidFill>
                  <a:srgbClr val="001F5F"/>
                </a:solidFill>
              </a:ln>
            </p:spPr>
            <p:txBody>
              <a:bodyPr wrap="square" lIns="0" tIns="0" rIns="0" bIns="0" rtlCol="0"/>
              <a:lstStyle/>
              <a:p>
                <a:endParaRPr/>
              </a:p>
            </p:txBody>
          </p:sp>
        </p:grpSp>
        <p:grpSp>
          <p:nvGrpSpPr>
            <p:cNvPr id="90" name="object 62">
              <a:extLst>
                <a:ext uri="{FF2B5EF4-FFF2-40B4-BE49-F238E27FC236}">
                  <a16:creationId xmlns:a16="http://schemas.microsoft.com/office/drawing/2014/main" id="{B2354E38-743B-6A1B-44DC-A5232B5956B7}"/>
                </a:ext>
              </a:extLst>
            </p:cNvPr>
            <p:cNvGrpSpPr/>
            <p:nvPr/>
          </p:nvGrpSpPr>
          <p:grpSpPr>
            <a:xfrm>
              <a:off x="557360" y="2232863"/>
              <a:ext cx="55880" cy="1985010"/>
              <a:chOff x="557360" y="2232863"/>
              <a:chExt cx="55880" cy="1985010"/>
            </a:xfrm>
          </p:grpSpPr>
          <p:sp>
            <p:nvSpPr>
              <p:cNvPr id="91" name="object 63">
                <a:extLst>
                  <a:ext uri="{FF2B5EF4-FFF2-40B4-BE49-F238E27FC236}">
                    <a16:creationId xmlns:a16="http://schemas.microsoft.com/office/drawing/2014/main" id="{57F23825-20EE-B0BA-D6C9-4C861B78F6F2}"/>
                  </a:ext>
                </a:extLst>
              </p:cNvPr>
              <p:cNvSpPr/>
              <p:nvPr/>
            </p:nvSpPr>
            <p:spPr>
              <a:xfrm>
                <a:off x="557360" y="2238432"/>
                <a:ext cx="55880" cy="0"/>
              </a:xfrm>
              <a:custGeom>
                <a:avLst/>
                <a:gdLst/>
                <a:ahLst/>
                <a:cxnLst/>
                <a:rect l="l" t="t" r="r" b="b"/>
                <a:pathLst>
                  <a:path w="55879">
                    <a:moveTo>
                      <a:pt x="0" y="0"/>
                    </a:moveTo>
                    <a:lnTo>
                      <a:pt x="55626" y="0"/>
                    </a:lnTo>
                  </a:path>
                </a:pathLst>
              </a:custGeom>
              <a:ln w="11137">
                <a:solidFill>
                  <a:srgbClr val="001F5F"/>
                </a:solidFill>
              </a:ln>
            </p:spPr>
            <p:txBody>
              <a:bodyPr wrap="square" lIns="0" tIns="0" rIns="0" bIns="0" rtlCol="0"/>
              <a:lstStyle/>
              <a:p>
                <a:endParaRPr/>
              </a:p>
            </p:txBody>
          </p:sp>
          <p:sp>
            <p:nvSpPr>
              <p:cNvPr id="92" name="object 64">
                <a:extLst>
                  <a:ext uri="{FF2B5EF4-FFF2-40B4-BE49-F238E27FC236}">
                    <a16:creationId xmlns:a16="http://schemas.microsoft.com/office/drawing/2014/main" id="{E7976780-45A6-3A8F-4724-EA8B603FD392}"/>
                  </a:ext>
                </a:extLst>
              </p:cNvPr>
              <p:cNvSpPr/>
              <p:nvPr/>
            </p:nvSpPr>
            <p:spPr>
              <a:xfrm>
                <a:off x="557360" y="2668200"/>
                <a:ext cx="55880" cy="0"/>
              </a:xfrm>
              <a:custGeom>
                <a:avLst/>
                <a:gdLst/>
                <a:ahLst/>
                <a:cxnLst/>
                <a:rect l="l" t="t" r="r" b="b"/>
                <a:pathLst>
                  <a:path w="55879">
                    <a:moveTo>
                      <a:pt x="0" y="0"/>
                    </a:moveTo>
                    <a:lnTo>
                      <a:pt x="55626" y="0"/>
                    </a:lnTo>
                  </a:path>
                </a:pathLst>
              </a:custGeom>
              <a:ln w="11137">
                <a:solidFill>
                  <a:srgbClr val="001F5F"/>
                </a:solidFill>
              </a:ln>
            </p:spPr>
            <p:txBody>
              <a:bodyPr wrap="square" lIns="0" tIns="0" rIns="0" bIns="0" rtlCol="0"/>
              <a:lstStyle/>
              <a:p>
                <a:endParaRPr/>
              </a:p>
            </p:txBody>
          </p:sp>
          <p:sp>
            <p:nvSpPr>
              <p:cNvPr id="93" name="object 65">
                <a:extLst>
                  <a:ext uri="{FF2B5EF4-FFF2-40B4-BE49-F238E27FC236}">
                    <a16:creationId xmlns:a16="http://schemas.microsoft.com/office/drawing/2014/main" id="{53B4F2BC-C80A-5244-A551-77D6DB46B496}"/>
                  </a:ext>
                </a:extLst>
              </p:cNvPr>
              <p:cNvSpPr/>
              <p:nvPr/>
            </p:nvSpPr>
            <p:spPr>
              <a:xfrm>
                <a:off x="557360" y="3840156"/>
                <a:ext cx="55880" cy="0"/>
              </a:xfrm>
              <a:custGeom>
                <a:avLst/>
                <a:gdLst/>
                <a:ahLst/>
                <a:cxnLst/>
                <a:rect l="l" t="t" r="r" b="b"/>
                <a:pathLst>
                  <a:path w="55879">
                    <a:moveTo>
                      <a:pt x="0" y="0"/>
                    </a:moveTo>
                    <a:lnTo>
                      <a:pt x="55626" y="0"/>
                    </a:lnTo>
                  </a:path>
                </a:pathLst>
              </a:custGeom>
              <a:ln w="11137">
                <a:solidFill>
                  <a:srgbClr val="001F5F"/>
                </a:solidFill>
              </a:ln>
            </p:spPr>
            <p:txBody>
              <a:bodyPr wrap="square" lIns="0" tIns="0" rIns="0" bIns="0" rtlCol="0"/>
              <a:lstStyle/>
              <a:p>
                <a:endParaRPr/>
              </a:p>
            </p:txBody>
          </p:sp>
          <p:sp>
            <p:nvSpPr>
              <p:cNvPr id="94" name="object 66">
                <a:extLst>
                  <a:ext uri="{FF2B5EF4-FFF2-40B4-BE49-F238E27FC236}">
                    <a16:creationId xmlns:a16="http://schemas.microsoft.com/office/drawing/2014/main" id="{230FBA57-C0C2-1FFC-63EC-B1C808534FDD}"/>
                  </a:ext>
                </a:extLst>
              </p:cNvPr>
              <p:cNvSpPr/>
              <p:nvPr/>
            </p:nvSpPr>
            <p:spPr>
              <a:xfrm>
                <a:off x="557360" y="4212012"/>
                <a:ext cx="55880" cy="0"/>
              </a:xfrm>
              <a:custGeom>
                <a:avLst/>
                <a:gdLst/>
                <a:ahLst/>
                <a:cxnLst/>
                <a:rect l="l" t="t" r="r" b="b"/>
                <a:pathLst>
                  <a:path w="55879">
                    <a:moveTo>
                      <a:pt x="0" y="0"/>
                    </a:moveTo>
                    <a:lnTo>
                      <a:pt x="55626" y="0"/>
                    </a:lnTo>
                  </a:path>
                </a:pathLst>
              </a:custGeom>
              <a:ln w="11137">
                <a:solidFill>
                  <a:srgbClr val="001F5F"/>
                </a:solidFill>
              </a:ln>
            </p:spPr>
            <p:txBody>
              <a:bodyPr wrap="square" lIns="0" tIns="0" rIns="0" bIns="0" rtlCol="0"/>
              <a:lstStyle/>
              <a:p>
                <a:endParaRPr/>
              </a:p>
            </p:txBody>
          </p:sp>
          <p:sp>
            <p:nvSpPr>
              <p:cNvPr id="95" name="object 67">
                <a:extLst>
                  <a:ext uri="{FF2B5EF4-FFF2-40B4-BE49-F238E27FC236}">
                    <a16:creationId xmlns:a16="http://schemas.microsoft.com/office/drawing/2014/main" id="{7188EF1E-DE70-19E6-40E1-9EEECA8686B8}"/>
                  </a:ext>
                </a:extLst>
              </p:cNvPr>
              <p:cNvSpPr/>
              <p:nvPr/>
            </p:nvSpPr>
            <p:spPr>
              <a:xfrm>
                <a:off x="557360" y="3056820"/>
                <a:ext cx="55880" cy="0"/>
              </a:xfrm>
              <a:custGeom>
                <a:avLst/>
                <a:gdLst/>
                <a:ahLst/>
                <a:cxnLst/>
                <a:rect l="l" t="t" r="r" b="b"/>
                <a:pathLst>
                  <a:path w="55879">
                    <a:moveTo>
                      <a:pt x="0" y="0"/>
                    </a:moveTo>
                    <a:lnTo>
                      <a:pt x="55626" y="0"/>
                    </a:lnTo>
                  </a:path>
                </a:pathLst>
              </a:custGeom>
              <a:ln w="11137">
                <a:solidFill>
                  <a:srgbClr val="001F5F"/>
                </a:solidFill>
              </a:ln>
            </p:spPr>
            <p:txBody>
              <a:bodyPr wrap="square" lIns="0" tIns="0" rIns="0" bIns="0" rtlCol="0"/>
              <a:lstStyle/>
              <a:p>
                <a:endParaRPr/>
              </a:p>
            </p:txBody>
          </p:sp>
        </p:grpSp>
      </p:grpSp>
    </p:spTree>
    <p:extLst>
      <p:ext uri="{BB962C8B-B14F-4D97-AF65-F5344CB8AC3E}">
        <p14:creationId xmlns:p14="http://schemas.microsoft.com/office/powerpoint/2010/main" val="110668338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F8DC0F2-2B4E-0539-FA0E-2B90A258D772}"/>
              </a:ext>
            </a:extLst>
          </p:cNvPr>
          <p:cNvSpPr>
            <a:spLocks noGrp="1"/>
          </p:cNvSpPr>
          <p:nvPr>
            <p:ph type="title"/>
          </p:nvPr>
        </p:nvSpPr>
        <p:spPr/>
        <p:txBody>
          <a:bodyPr/>
          <a:lstStyle/>
          <a:p>
            <a:r>
              <a:rPr lang="en-GB" dirty="0" err="1"/>
              <a:t>Voorbeeld</a:t>
            </a:r>
            <a:r>
              <a:rPr lang="en-GB" dirty="0"/>
              <a:t> 2: BRAF</a:t>
            </a:r>
            <a:endParaRPr lang="en-NL" dirty="0"/>
          </a:p>
        </p:txBody>
      </p:sp>
      <p:sp>
        <p:nvSpPr>
          <p:cNvPr id="4" name="Date Placeholder 3">
            <a:extLst>
              <a:ext uri="{FF2B5EF4-FFF2-40B4-BE49-F238E27FC236}">
                <a16:creationId xmlns:a16="http://schemas.microsoft.com/office/drawing/2014/main" id="{DDBD203D-4EEF-DF8E-28C9-98E8EACE3E0D}"/>
              </a:ext>
            </a:extLst>
          </p:cNvPr>
          <p:cNvSpPr>
            <a:spLocks noGrp="1"/>
          </p:cNvSpPr>
          <p:nvPr>
            <p:ph type="dt" sz="half" idx="10"/>
          </p:nvPr>
        </p:nvSpPr>
        <p:spPr/>
        <p:txBody>
          <a:bodyPr/>
          <a:lstStyle/>
          <a:p>
            <a:pPr>
              <a:defRPr/>
            </a:pPr>
            <a:fld id="{027E88B6-7A37-4610-91BE-BD9897F0D06F}" type="datetime1">
              <a:rPr lang="nl-NL" smtClean="0"/>
              <a:t>15-03-2025</a:t>
            </a:fld>
            <a:endParaRPr lang="nl-NL"/>
          </a:p>
        </p:txBody>
      </p:sp>
      <p:sp>
        <p:nvSpPr>
          <p:cNvPr id="5" name="Slide Number Placeholder 4">
            <a:extLst>
              <a:ext uri="{FF2B5EF4-FFF2-40B4-BE49-F238E27FC236}">
                <a16:creationId xmlns:a16="http://schemas.microsoft.com/office/drawing/2014/main" id="{CFBCDCEE-999F-6629-EEDD-994B5029C5B3}"/>
              </a:ext>
            </a:extLst>
          </p:cNvPr>
          <p:cNvSpPr>
            <a:spLocks noGrp="1"/>
          </p:cNvSpPr>
          <p:nvPr>
            <p:ph type="sldNum" sz="quarter" idx="11"/>
          </p:nvPr>
        </p:nvSpPr>
        <p:spPr/>
        <p:txBody>
          <a:bodyPr/>
          <a:lstStyle/>
          <a:p>
            <a:pPr>
              <a:defRPr/>
            </a:pPr>
            <a:fld id="{276D52CF-5208-42A4-BA48-F7001505B375}" type="slidenum">
              <a:rPr lang="nl-NL" smtClean="0"/>
              <a:pPr>
                <a:defRPr/>
              </a:pPr>
              <a:t>16</a:t>
            </a:fld>
            <a:endParaRPr lang="nl-NL"/>
          </a:p>
        </p:txBody>
      </p:sp>
      <p:sp>
        <p:nvSpPr>
          <p:cNvPr id="6" name="Rounded Rectangle 9">
            <a:extLst>
              <a:ext uri="{FF2B5EF4-FFF2-40B4-BE49-F238E27FC236}">
                <a16:creationId xmlns:a16="http://schemas.microsoft.com/office/drawing/2014/main" id="{00BA083C-9AAA-8B1C-4216-41DB510ACA1D}"/>
              </a:ext>
            </a:extLst>
          </p:cNvPr>
          <p:cNvSpPr/>
          <p:nvPr/>
        </p:nvSpPr>
        <p:spPr>
          <a:xfrm>
            <a:off x="1183342" y="1413871"/>
            <a:ext cx="9361390" cy="4782156"/>
          </a:xfrm>
          <a:prstGeom prst="roundRect">
            <a:avLst>
              <a:gd name="adj" fmla="val 4302"/>
            </a:avLst>
          </a:prstGeom>
          <a:solidFill>
            <a:schemeClr val="bg1">
              <a:lumMod val="95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26" name="Picture 2">
            <a:extLst>
              <a:ext uri="{FF2B5EF4-FFF2-40B4-BE49-F238E27FC236}">
                <a16:creationId xmlns:a16="http://schemas.microsoft.com/office/drawing/2014/main" id="{83CFBDFF-5A66-BD50-27FC-FB910EB24AC9}"/>
              </a:ext>
            </a:extLst>
          </p:cNvPr>
          <p:cNvPicPr>
            <a:picLocks noGrp="1" noChangeAspect="1" noChangeArrowheads="1"/>
          </p:cNvPicPr>
          <p:nvPr>
            <p:ph idx="1"/>
          </p:nvPr>
        </p:nvPicPr>
        <p:blipFill>
          <a:blip r:embed="rId3">
            <a:extLst>
              <a:ext uri="{28A0092B-C50C-407E-A947-70E740481C1C}">
                <a14:useLocalDpi xmlns:a14="http://schemas.microsoft.com/office/drawing/2010/main" val="0"/>
              </a:ext>
            </a:extLst>
          </a:blip>
          <a:srcRect/>
          <a:stretch>
            <a:fillRect/>
          </a:stretch>
        </p:blipFill>
        <p:spPr bwMode="auto">
          <a:xfrm>
            <a:off x="2407745" y="1825625"/>
            <a:ext cx="6657373" cy="4032250"/>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7FFA4DEF-7C91-498B-C819-0CCF9CC89F44}"/>
              </a:ext>
            </a:extLst>
          </p:cNvPr>
          <p:cNvSpPr txBox="1"/>
          <p:nvPr/>
        </p:nvSpPr>
        <p:spPr>
          <a:xfrm>
            <a:off x="1267012" y="6262041"/>
            <a:ext cx="8714693" cy="461665"/>
          </a:xfrm>
          <a:prstGeom prst="rect">
            <a:avLst/>
          </a:prstGeom>
          <a:noFill/>
        </p:spPr>
        <p:txBody>
          <a:bodyPr wrap="none" rtlCol="0">
            <a:spAutoFit/>
          </a:bodyPr>
          <a:lstStyle/>
          <a:p>
            <a:pPr algn="l"/>
            <a:r>
              <a:rPr lang="en-GB" sz="2400" b="1" i="0">
                <a:solidFill>
                  <a:schemeClr val="accent4"/>
                </a:solidFill>
                <a:ea typeface="Arial" charset="0"/>
                <a:cs typeface="Arial" charset="0"/>
              </a:rPr>
              <a:t>Maar: </a:t>
            </a:r>
            <a:r>
              <a:rPr lang="en-GB" sz="2400" b="1" i="0" err="1">
                <a:solidFill>
                  <a:schemeClr val="accent4"/>
                </a:solidFill>
                <a:ea typeface="Arial" charset="0"/>
                <a:cs typeface="Arial" charset="0"/>
              </a:rPr>
              <a:t>Patienten</a:t>
            </a:r>
            <a:r>
              <a:rPr lang="en-GB" sz="2400" b="1" i="0">
                <a:solidFill>
                  <a:schemeClr val="accent4"/>
                </a:solidFill>
                <a:ea typeface="Arial" charset="0"/>
                <a:cs typeface="Arial" charset="0"/>
              </a:rPr>
              <a:t> met </a:t>
            </a:r>
            <a:r>
              <a:rPr lang="en-GB" sz="2400" b="1" i="0" err="1">
                <a:solidFill>
                  <a:schemeClr val="accent4"/>
                </a:solidFill>
                <a:ea typeface="Arial" charset="0"/>
                <a:cs typeface="Arial" charset="0"/>
              </a:rPr>
              <a:t>een</a:t>
            </a:r>
            <a:r>
              <a:rPr lang="en-GB" sz="2400" b="1" i="0">
                <a:solidFill>
                  <a:schemeClr val="accent4"/>
                </a:solidFill>
                <a:ea typeface="Arial" charset="0"/>
                <a:cs typeface="Arial" charset="0"/>
              </a:rPr>
              <a:t> BRAF-</a:t>
            </a:r>
            <a:r>
              <a:rPr lang="en-GB" sz="2400" b="1" i="0" err="1">
                <a:solidFill>
                  <a:schemeClr val="accent4"/>
                </a:solidFill>
                <a:ea typeface="Arial" charset="0"/>
                <a:cs typeface="Arial" charset="0"/>
              </a:rPr>
              <a:t>mutatie</a:t>
            </a:r>
            <a:r>
              <a:rPr lang="en-GB" sz="2400" b="1" i="0">
                <a:solidFill>
                  <a:schemeClr val="accent4"/>
                </a:solidFill>
                <a:ea typeface="Arial" charset="0"/>
                <a:cs typeface="Arial" charset="0"/>
              </a:rPr>
              <a:t> in de </a:t>
            </a:r>
            <a:r>
              <a:rPr lang="en-GB" sz="2400" b="1" i="0" err="1">
                <a:solidFill>
                  <a:schemeClr val="accent4"/>
                </a:solidFill>
                <a:ea typeface="Arial" charset="0"/>
                <a:cs typeface="Arial" charset="0"/>
              </a:rPr>
              <a:t>tumor</a:t>
            </a:r>
            <a:r>
              <a:rPr lang="en-GB" sz="2400" b="1" i="0">
                <a:solidFill>
                  <a:schemeClr val="accent4"/>
                </a:solidFill>
                <a:ea typeface="Arial" charset="0"/>
                <a:cs typeface="Arial" charset="0"/>
              </a:rPr>
              <a:t> </a:t>
            </a:r>
            <a:r>
              <a:rPr lang="en-GB" sz="2400" b="1" i="0" err="1">
                <a:solidFill>
                  <a:schemeClr val="accent4"/>
                </a:solidFill>
                <a:ea typeface="Arial" charset="0"/>
                <a:cs typeface="Arial" charset="0"/>
              </a:rPr>
              <a:t>zijn</a:t>
            </a:r>
            <a:r>
              <a:rPr lang="en-GB" sz="2400" b="1" i="0">
                <a:solidFill>
                  <a:schemeClr val="accent4"/>
                </a:solidFill>
                <a:ea typeface="Arial" charset="0"/>
                <a:cs typeface="Arial" charset="0"/>
              </a:rPr>
              <a:t> </a:t>
            </a:r>
            <a:r>
              <a:rPr lang="en-GB" sz="2400" b="1" i="0" err="1">
                <a:solidFill>
                  <a:schemeClr val="accent4"/>
                </a:solidFill>
                <a:ea typeface="Arial" charset="0"/>
                <a:cs typeface="Arial" charset="0"/>
              </a:rPr>
              <a:t>zeldzaam</a:t>
            </a:r>
            <a:endParaRPr lang="en-NL" sz="2400" b="1" i="0" err="1">
              <a:solidFill>
                <a:schemeClr val="accent4"/>
              </a:solidFill>
              <a:ea typeface="Arial" charset="0"/>
              <a:cs typeface="Arial" charset="0"/>
            </a:endParaRPr>
          </a:p>
        </p:txBody>
      </p:sp>
    </p:spTree>
    <p:extLst>
      <p:ext uri="{BB962C8B-B14F-4D97-AF65-F5344CB8AC3E}">
        <p14:creationId xmlns:p14="http://schemas.microsoft.com/office/powerpoint/2010/main" val="290700633"/>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D6A55C5-55CA-D3ED-C14E-178ECC7EC878}"/>
              </a:ext>
            </a:extLst>
          </p:cNvPr>
          <p:cNvSpPr>
            <a:spLocks noGrp="1"/>
          </p:cNvSpPr>
          <p:nvPr>
            <p:ph type="title"/>
          </p:nvPr>
        </p:nvSpPr>
        <p:spPr/>
        <p:txBody>
          <a:bodyPr/>
          <a:lstStyle/>
          <a:p>
            <a:r>
              <a:rPr lang="en-GB" dirty="0" err="1"/>
              <a:t>Mogelijke</a:t>
            </a:r>
            <a:r>
              <a:rPr lang="en-GB" dirty="0"/>
              <a:t> </a:t>
            </a:r>
            <a:r>
              <a:rPr lang="en-GB" dirty="0" err="1"/>
              <a:t>Oplossing</a:t>
            </a:r>
            <a:r>
              <a:rPr lang="en-GB" dirty="0"/>
              <a:t> 5</a:t>
            </a:r>
            <a:endParaRPr lang="en-NL" dirty="0"/>
          </a:p>
        </p:txBody>
      </p:sp>
      <p:sp>
        <p:nvSpPr>
          <p:cNvPr id="4" name="Date Placeholder 3">
            <a:extLst>
              <a:ext uri="{FF2B5EF4-FFF2-40B4-BE49-F238E27FC236}">
                <a16:creationId xmlns:a16="http://schemas.microsoft.com/office/drawing/2014/main" id="{A5EFF502-0BFF-120B-2C6E-F29C4565C891}"/>
              </a:ext>
            </a:extLst>
          </p:cNvPr>
          <p:cNvSpPr>
            <a:spLocks noGrp="1"/>
          </p:cNvSpPr>
          <p:nvPr>
            <p:ph type="dt" sz="half" idx="10"/>
          </p:nvPr>
        </p:nvSpPr>
        <p:spPr/>
        <p:txBody>
          <a:bodyPr/>
          <a:lstStyle/>
          <a:p>
            <a:pPr>
              <a:defRPr/>
            </a:pPr>
            <a:fld id="{8BB11C5F-7D31-49F7-AEE2-214E85BC1AA6}" type="datetime1">
              <a:rPr lang="nl-NL" smtClean="0"/>
              <a:t>15-03-2025</a:t>
            </a:fld>
            <a:endParaRPr lang="nl-NL"/>
          </a:p>
        </p:txBody>
      </p:sp>
      <p:sp>
        <p:nvSpPr>
          <p:cNvPr id="5" name="Slide Number Placeholder 4">
            <a:extLst>
              <a:ext uri="{FF2B5EF4-FFF2-40B4-BE49-F238E27FC236}">
                <a16:creationId xmlns:a16="http://schemas.microsoft.com/office/drawing/2014/main" id="{0F2ECED7-5016-4947-DAB3-61A00CACA7E0}"/>
              </a:ext>
            </a:extLst>
          </p:cNvPr>
          <p:cNvSpPr>
            <a:spLocks noGrp="1"/>
          </p:cNvSpPr>
          <p:nvPr>
            <p:ph type="sldNum" sz="quarter" idx="11"/>
          </p:nvPr>
        </p:nvSpPr>
        <p:spPr/>
        <p:txBody>
          <a:bodyPr/>
          <a:lstStyle/>
          <a:p>
            <a:pPr>
              <a:defRPr/>
            </a:pPr>
            <a:fld id="{276D52CF-5208-42A4-BA48-F7001505B375}" type="slidenum">
              <a:rPr lang="nl-NL" smtClean="0"/>
              <a:pPr>
                <a:defRPr/>
              </a:pPr>
              <a:t>17</a:t>
            </a:fld>
            <a:endParaRPr lang="nl-NL"/>
          </a:p>
        </p:txBody>
      </p:sp>
      <p:sp>
        <p:nvSpPr>
          <p:cNvPr id="6" name="Rectangle: Rounded Corners 5">
            <a:extLst>
              <a:ext uri="{FF2B5EF4-FFF2-40B4-BE49-F238E27FC236}">
                <a16:creationId xmlns:a16="http://schemas.microsoft.com/office/drawing/2014/main" id="{A39BC023-C967-325E-872D-AB6253D35A72}"/>
              </a:ext>
            </a:extLst>
          </p:cNvPr>
          <p:cNvSpPr/>
          <p:nvPr/>
        </p:nvSpPr>
        <p:spPr>
          <a:xfrm>
            <a:off x="655928" y="1903907"/>
            <a:ext cx="3145107" cy="358194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0" name="Rectangle: Rounded Corners 9">
            <a:extLst>
              <a:ext uri="{FF2B5EF4-FFF2-40B4-BE49-F238E27FC236}">
                <a16:creationId xmlns:a16="http://schemas.microsoft.com/office/drawing/2014/main" id="{331C0A8F-3B8A-3175-E2B3-009484FB64FF}"/>
              </a:ext>
            </a:extLst>
          </p:cNvPr>
          <p:cNvSpPr/>
          <p:nvPr/>
        </p:nvSpPr>
        <p:spPr>
          <a:xfrm>
            <a:off x="8839200" y="1903907"/>
            <a:ext cx="2976282" cy="3581948"/>
          </a:xfrm>
          <a:prstGeom prst="roundRect">
            <a:avLst>
              <a:gd name="adj" fmla="val 5822"/>
            </a:avLst>
          </a:prstGeom>
          <a:solidFill>
            <a:schemeClr val="accent2">
              <a:lumMod val="20000"/>
              <a:lumOff val="80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9" name="Rectangle: Rounded Corners 8">
            <a:extLst>
              <a:ext uri="{FF2B5EF4-FFF2-40B4-BE49-F238E27FC236}">
                <a16:creationId xmlns:a16="http://schemas.microsoft.com/office/drawing/2014/main" id="{CC630609-3761-AA42-8EFF-B853A4E3F5F0}"/>
              </a:ext>
            </a:extLst>
          </p:cNvPr>
          <p:cNvSpPr/>
          <p:nvPr/>
        </p:nvSpPr>
        <p:spPr>
          <a:xfrm>
            <a:off x="3993590" y="1903907"/>
            <a:ext cx="4546786" cy="358194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3" name="TextBox 12">
            <a:extLst>
              <a:ext uri="{FF2B5EF4-FFF2-40B4-BE49-F238E27FC236}">
                <a16:creationId xmlns:a16="http://schemas.microsoft.com/office/drawing/2014/main" id="{E08494F5-C8DD-8F3A-4B49-EA1566582F0C}"/>
              </a:ext>
            </a:extLst>
          </p:cNvPr>
          <p:cNvSpPr txBox="1"/>
          <p:nvPr/>
        </p:nvSpPr>
        <p:spPr>
          <a:xfrm>
            <a:off x="5369859" y="1990592"/>
            <a:ext cx="1737976" cy="461665"/>
          </a:xfrm>
          <a:prstGeom prst="rect">
            <a:avLst/>
          </a:prstGeom>
          <a:noFill/>
        </p:spPr>
        <p:txBody>
          <a:bodyPr wrap="none" rtlCol="0">
            <a:spAutoFit/>
          </a:bodyPr>
          <a:lstStyle/>
          <a:p>
            <a:pPr algn="l"/>
            <a:r>
              <a:rPr lang="en-GB" sz="2400" b="1" i="0" err="1">
                <a:solidFill>
                  <a:schemeClr val="accent4"/>
                </a:solidFill>
                <a:ea typeface="Arial" charset="0"/>
                <a:cs typeface="Arial" charset="0"/>
              </a:rPr>
              <a:t>Melanomen</a:t>
            </a:r>
            <a:endParaRPr lang="en-GB" sz="2400" b="1" i="0">
              <a:solidFill>
                <a:schemeClr val="accent4"/>
              </a:solidFill>
              <a:ea typeface="Arial" charset="0"/>
              <a:cs typeface="Arial" charset="0"/>
            </a:endParaRPr>
          </a:p>
        </p:txBody>
      </p:sp>
      <p:sp>
        <p:nvSpPr>
          <p:cNvPr id="14" name="TextBox 13">
            <a:extLst>
              <a:ext uri="{FF2B5EF4-FFF2-40B4-BE49-F238E27FC236}">
                <a16:creationId xmlns:a16="http://schemas.microsoft.com/office/drawing/2014/main" id="{962B2C3A-FC0E-F888-0B8B-50A1824C7F19}"/>
              </a:ext>
            </a:extLst>
          </p:cNvPr>
          <p:cNvSpPr txBox="1"/>
          <p:nvPr/>
        </p:nvSpPr>
        <p:spPr>
          <a:xfrm>
            <a:off x="774429" y="1990591"/>
            <a:ext cx="2908104" cy="461665"/>
          </a:xfrm>
          <a:prstGeom prst="rect">
            <a:avLst/>
          </a:prstGeom>
          <a:noFill/>
        </p:spPr>
        <p:txBody>
          <a:bodyPr wrap="none" rtlCol="0">
            <a:spAutoFit/>
          </a:bodyPr>
          <a:lstStyle/>
          <a:p>
            <a:pPr algn="l"/>
            <a:r>
              <a:rPr lang="en-GB" sz="2400" b="1" i="0">
                <a:solidFill>
                  <a:schemeClr val="accent4"/>
                </a:solidFill>
                <a:ea typeface="Arial" charset="0"/>
                <a:cs typeface="Arial" charset="0"/>
              </a:rPr>
              <a:t>Checkpoint inhibitors</a:t>
            </a:r>
          </a:p>
        </p:txBody>
      </p:sp>
      <p:pic>
        <p:nvPicPr>
          <p:cNvPr id="16" name="Picture 15"/>
          <p:cNvPicPr>
            <a:picLocks noChangeAspect="1"/>
          </p:cNvPicPr>
          <p:nvPr/>
        </p:nvPicPr>
        <p:blipFill>
          <a:blip r:embed="rId2"/>
          <a:stretch>
            <a:fillRect/>
          </a:stretch>
        </p:blipFill>
        <p:spPr>
          <a:xfrm>
            <a:off x="4099859" y="2538942"/>
            <a:ext cx="4168193" cy="2549609"/>
          </a:xfrm>
          <a:prstGeom prst="rect">
            <a:avLst/>
          </a:prstGeom>
        </p:spPr>
      </p:pic>
      <p:sp>
        <p:nvSpPr>
          <p:cNvPr id="17" name="5-Point Star 16"/>
          <p:cNvSpPr/>
          <p:nvPr/>
        </p:nvSpPr>
        <p:spPr>
          <a:xfrm>
            <a:off x="4752473" y="3550240"/>
            <a:ext cx="156411" cy="203612"/>
          </a:xfrm>
          <a:prstGeom prst="star5">
            <a:avLst/>
          </a:prstGeom>
          <a:solidFill>
            <a:srgbClr val="FFC000"/>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19" name="Straight Connector 18"/>
          <p:cNvCxnSpPr/>
          <p:nvPr/>
        </p:nvCxnSpPr>
        <p:spPr>
          <a:xfrm>
            <a:off x="4475747" y="3658528"/>
            <a:ext cx="3573379" cy="0"/>
          </a:xfrm>
          <a:prstGeom prst="line">
            <a:avLst/>
          </a:prstGeom>
        </p:spPr>
        <p:style>
          <a:lnRef idx="1">
            <a:schemeClr val="accent1"/>
          </a:lnRef>
          <a:fillRef idx="0">
            <a:schemeClr val="accent1"/>
          </a:fillRef>
          <a:effectRef idx="0">
            <a:schemeClr val="accent1"/>
          </a:effectRef>
          <a:fontRef idx="minor">
            <a:schemeClr val="tx1"/>
          </a:fontRef>
        </p:style>
      </p:cxnSp>
      <p:cxnSp>
        <p:nvCxnSpPr>
          <p:cNvPr id="23" name="Straight Connector 22"/>
          <p:cNvCxnSpPr/>
          <p:nvPr/>
        </p:nvCxnSpPr>
        <p:spPr>
          <a:xfrm>
            <a:off x="4836692" y="3628013"/>
            <a:ext cx="0" cy="1088366"/>
          </a:xfrm>
          <a:prstGeom prst="line">
            <a:avLst/>
          </a:prstGeom>
        </p:spPr>
        <p:style>
          <a:lnRef idx="1">
            <a:schemeClr val="accent1"/>
          </a:lnRef>
          <a:fillRef idx="0">
            <a:schemeClr val="accent1"/>
          </a:fillRef>
          <a:effectRef idx="0">
            <a:schemeClr val="accent1"/>
          </a:effectRef>
          <a:fontRef idx="minor">
            <a:schemeClr val="tx1"/>
          </a:fontRef>
        </p:style>
      </p:cxnSp>
      <p:pic>
        <p:nvPicPr>
          <p:cNvPr id="28" name="Picture 27"/>
          <p:cNvPicPr>
            <a:picLocks noChangeAspect="1"/>
          </p:cNvPicPr>
          <p:nvPr/>
        </p:nvPicPr>
        <p:blipFill>
          <a:blip r:embed="rId3"/>
          <a:stretch>
            <a:fillRect/>
          </a:stretch>
        </p:blipFill>
        <p:spPr>
          <a:xfrm>
            <a:off x="804359" y="3019926"/>
            <a:ext cx="2747768" cy="1667376"/>
          </a:xfrm>
          <a:prstGeom prst="rect">
            <a:avLst/>
          </a:prstGeom>
        </p:spPr>
      </p:pic>
      <p:pic>
        <p:nvPicPr>
          <p:cNvPr id="1026" name="Picture 2" descr="Nobel Prize - Wikipedia"/>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192990" y="2546820"/>
            <a:ext cx="2453317" cy="2414064"/>
          </a:xfrm>
          <a:prstGeom prst="rect">
            <a:avLst/>
          </a:prstGeom>
          <a:noFill/>
          <a:extLst>
            <a:ext uri="{909E8E84-426E-40DD-AFC4-6F175D3DCCD1}">
              <a14:hiddenFill xmlns:a14="http://schemas.microsoft.com/office/drawing/2010/main">
                <a:solidFill>
                  <a:srgbClr val="FFFFFF"/>
                </a:solidFill>
              </a14:hiddenFill>
            </a:ext>
          </a:extLst>
        </p:spPr>
      </p:pic>
      <p:sp>
        <p:nvSpPr>
          <p:cNvPr id="3" name="Subtitle 1">
            <a:extLst>
              <a:ext uri="{FF2B5EF4-FFF2-40B4-BE49-F238E27FC236}">
                <a16:creationId xmlns:a16="http://schemas.microsoft.com/office/drawing/2014/main" id="{DD5A2D9A-5364-EBFC-430B-856AA6B88C6D}"/>
              </a:ext>
            </a:extLst>
          </p:cNvPr>
          <p:cNvSpPr txBox="1">
            <a:spLocks/>
          </p:cNvSpPr>
          <p:nvPr/>
        </p:nvSpPr>
        <p:spPr>
          <a:xfrm>
            <a:off x="631826" y="926508"/>
            <a:ext cx="10209212" cy="571042"/>
          </a:xfrm>
          <a:prstGeom prst="rect">
            <a:avLst/>
          </a:prstGeom>
        </p:spPr>
        <p:txBody>
          <a:bodyPr/>
          <a:lstStyle>
            <a:lvl1pPr marL="228600" indent="-228600" algn="l" rtl="0" eaLnBrk="0" fontAlgn="base" hangingPunct="0">
              <a:lnSpc>
                <a:spcPct val="90000"/>
              </a:lnSpc>
              <a:spcBef>
                <a:spcPts val="1000"/>
              </a:spcBef>
              <a:spcAft>
                <a:spcPct val="0"/>
              </a:spcAft>
              <a:buFont typeface="Arial" panose="020B0604020202020204" pitchFamily="34" charset="0"/>
              <a:buChar char="•"/>
              <a:defRPr sz="2800" kern="1200">
                <a:solidFill>
                  <a:schemeClr val="tx2"/>
                </a:solidFill>
                <a:latin typeface="Arial" panose="020B0604020202020204" pitchFamily="34" charset="0"/>
                <a:ea typeface="+mn-ea"/>
                <a:cs typeface="Arial" panose="020B0604020202020204" pitchFamily="34" charset="0"/>
              </a:defRPr>
            </a:lvl1pPr>
            <a:lvl2pPr marL="685800" indent="-228600" algn="l" rtl="0" eaLnBrk="0" fontAlgn="base" hangingPunct="0">
              <a:lnSpc>
                <a:spcPct val="90000"/>
              </a:lnSpc>
              <a:spcBef>
                <a:spcPts val="500"/>
              </a:spcBef>
              <a:spcAft>
                <a:spcPct val="0"/>
              </a:spcAft>
              <a:buFont typeface="Arial" panose="020B0604020202020204" pitchFamily="34" charset="0"/>
              <a:buChar char="•"/>
              <a:defRPr sz="2400" kern="1200">
                <a:solidFill>
                  <a:schemeClr val="tx2"/>
                </a:solidFill>
                <a:latin typeface="Arial" panose="020B0604020202020204" pitchFamily="34" charset="0"/>
                <a:ea typeface="+mn-ea"/>
                <a:cs typeface="Arial" panose="020B0604020202020204" pitchFamily="34" charset="0"/>
              </a:defRPr>
            </a:lvl2pPr>
            <a:lvl3pPr marL="1143000" indent="-228600" algn="l" rtl="0" eaLnBrk="0" fontAlgn="base" hangingPunct="0">
              <a:lnSpc>
                <a:spcPct val="90000"/>
              </a:lnSpc>
              <a:spcBef>
                <a:spcPts val="500"/>
              </a:spcBef>
              <a:spcAft>
                <a:spcPct val="0"/>
              </a:spcAft>
              <a:buFont typeface="Arial" panose="020B0604020202020204" pitchFamily="34" charset="0"/>
              <a:buChar char="•"/>
              <a:defRPr sz="2000" kern="1200">
                <a:solidFill>
                  <a:schemeClr val="tx2"/>
                </a:solidFill>
                <a:latin typeface="Arial" panose="020B0604020202020204" pitchFamily="34" charset="0"/>
                <a:ea typeface="+mn-ea"/>
                <a:cs typeface="Arial" panose="020B0604020202020204" pitchFamily="34" charset="0"/>
              </a:defRPr>
            </a:lvl3pPr>
            <a:lvl4pPr marL="16002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4pPr>
            <a:lvl5pPr marL="20574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GB" dirty="0" err="1">
                <a:solidFill>
                  <a:srgbClr val="C00000"/>
                </a:solidFill>
              </a:rPr>
              <a:t>Immuuntherapie</a:t>
            </a:r>
            <a:endParaRPr lang="en-NL" dirty="0">
              <a:solidFill>
                <a:srgbClr val="C00000"/>
              </a:solidFill>
            </a:endParaRPr>
          </a:p>
        </p:txBody>
      </p:sp>
      <p:sp>
        <p:nvSpPr>
          <p:cNvPr id="7" name="TextBox 6">
            <a:extLst>
              <a:ext uri="{FF2B5EF4-FFF2-40B4-BE49-F238E27FC236}">
                <a16:creationId xmlns:a16="http://schemas.microsoft.com/office/drawing/2014/main" id="{185A6B41-63C2-C711-7A38-494AF7FAFB5B}"/>
              </a:ext>
            </a:extLst>
          </p:cNvPr>
          <p:cNvSpPr txBox="1"/>
          <p:nvPr/>
        </p:nvSpPr>
        <p:spPr>
          <a:xfrm>
            <a:off x="5086795" y="1965713"/>
            <a:ext cx="2194319" cy="461665"/>
          </a:xfrm>
          <a:prstGeom prst="rect">
            <a:avLst/>
          </a:prstGeom>
          <a:noFill/>
        </p:spPr>
        <p:txBody>
          <a:bodyPr wrap="none" rtlCol="0">
            <a:spAutoFit/>
          </a:bodyPr>
          <a:lstStyle/>
          <a:p>
            <a:pPr algn="l"/>
            <a:r>
              <a:rPr lang="en-GB" sz="2400" b="1" i="0" dirty="0" err="1">
                <a:solidFill>
                  <a:srgbClr val="C00000"/>
                </a:solidFill>
                <a:ea typeface="Arial" charset="0"/>
                <a:cs typeface="Arial" charset="0"/>
              </a:rPr>
              <a:t>Hersentumoren</a:t>
            </a:r>
            <a:endParaRPr lang="en-GB" sz="2400" b="1" i="0" dirty="0">
              <a:solidFill>
                <a:srgbClr val="C00000"/>
              </a:solidFill>
              <a:ea typeface="Arial" charset="0"/>
              <a:cs typeface="Arial" charset="0"/>
            </a:endParaRPr>
          </a:p>
        </p:txBody>
      </p:sp>
      <p:grpSp>
        <p:nvGrpSpPr>
          <p:cNvPr id="8" name="Group 7">
            <a:extLst>
              <a:ext uri="{FF2B5EF4-FFF2-40B4-BE49-F238E27FC236}">
                <a16:creationId xmlns:a16="http://schemas.microsoft.com/office/drawing/2014/main" id="{2B9E3EF3-A9C0-6C14-18B4-643E0D3BAF0E}"/>
              </a:ext>
            </a:extLst>
          </p:cNvPr>
          <p:cNvGrpSpPr/>
          <p:nvPr/>
        </p:nvGrpSpPr>
        <p:grpSpPr>
          <a:xfrm>
            <a:off x="4130110" y="2477136"/>
            <a:ext cx="4137942" cy="2683636"/>
            <a:chOff x="4283062" y="2538940"/>
            <a:chExt cx="4137942" cy="2683636"/>
          </a:xfrm>
        </p:grpSpPr>
        <p:pic>
          <p:nvPicPr>
            <p:cNvPr id="11" name="Picture 10">
              <a:extLst>
                <a:ext uri="{FF2B5EF4-FFF2-40B4-BE49-F238E27FC236}">
                  <a16:creationId xmlns:a16="http://schemas.microsoft.com/office/drawing/2014/main" id="{07744D80-488C-98D0-5EF5-BF582E23AC1E}"/>
                </a:ext>
              </a:extLst>
            </p:cNvPr>
            <p:cNvPicPr>
              <a:picLocks noChangeAspect="1"/>
            </p:cNvPicPr>
            <p:nvPr/>
          </p:nvPicPr>
          <p:blipFill>
            <a:blip r:embed="rId5"/>
            <a:stretch>
              <a:fillRect/>
            </a:stretch>
          </p:blipFill>
          <p:spPr>
            <a:xfrm>
              <a:off x="4283062" y="2538940"/>
              <a:ext cx="4137942" cy="2683636"/>
            </a:xfrm>
            <a:prstGeom prst="rect">
              <a:avLst/>
            </a:prstGeom>
          </p:spPr>
        </p:pic>
        <p:sp>
          <p:nvSpPr>
            <p:cNvPr id="12" name="Rectangle 11">
              <a:extLst>
                <a:ext uri="{FF2B5EF4-FFF2-40B4-BE49-F238E27FC236}">
                  <a16:creationId xmlns:a16="http://schemas.microsoft.com/office/drawing/2014/main" id="{EA263EFE-75DB-B518-361E-AB70E77D4423}"/>
                </a:ext>
              </a:extLst>
            </p:cNvPr>
            <p:cNvSpPr/>
            <p:nvPr/>
          </p:nvSpPr>
          <p:spPr>
            <a:xfrm>
              <a:off x="5456518" y="2538940"/>
              <a:ext cx="2677458" cy="8829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5" name="Rectangle 14">
              <a:extLst>
                <a:ext uri="{FF2B5EF4-FFF2-40B4-BE49-F238E27FC236}">
                  <a16:creationId xmlns:a16="http://schemas.microsoft.com/office/drawing/2014/main" id="{10948D1E-C316-E032-4A57-C75BD3913E88}"/>
                </a:ext>
              </a:extLst>
            </p:cNvPr>
            <p:cNvSpPr/>
            <p:nvPr/>
          </p:nvSpPr>
          <p:spPr>
            <a:xfrm>
              <a:off x="4283062" y="5134279"/>
              <a:ext cx="1388609" cy="8829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grpSp>
    </p:spTree>
    <p:extLst>
      <p:ext uri="{BB962C8B-B14F-4D97-AF65-F5344CB8AC3E}">
        <p14:creationId xmlns:p14="http://schemas.microsoft.com/office/powerpoint/2010/main" val="20197518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xit" presetSubtype="0" fill="hold" nodeType="clickEffect">
                                  <p:stCondLst>
                                    <p:cond delay="0"/>
                                  </p:stCondLst>
                                  <p:childTnLst>
                                    <p:animEffect transition="out" filter="fade">
                                      <p:cBhvr>
                                        <p:cTn id="6" dur="500"/>
                                        <p:tgtEl>
                                          <p:spTgt spid="16"/>
                                        </p:tgtEl>
                                      </p:cBhvr>
                                    </p:animEffect>
                                    <p:set>
                                      <p:cBhvr>
                                        <p:cTn id="7" dur="1" fill="hold">
                                          <p:stCondLst>
                                            <p:cond delay="499"/>
                                          </p:stCondLst>
                                        </p:cTn>
                                        <p:tgtEl>
                                          <p:spTgt spid="16"/>
                                        </p:tgtEl>
                                        <p:attrNameLst>
                                          <p:attrName>style.visibility</p:attrName>
                                        </p:attrNameLst>
                                      </p:cBhvr>
                                      <p:to>
                                        <p:strVal val="hidden"/>
                                      </p:to>
                                    </p:set>
                                  </p:childTnLst>
                                </p:cTn>
                              </p:par>
                            </p:childTnLst>
                          </p:cTn>
                        </p:par>
                        <p:par>
                          <p:cTn id="8" fill="hold">
                            <p:stCondLst>
                              <p:cond delay="500"/>
                            </p:stCondLst>
                            <p:childTnLst>
                              <p:par>
                                <p:cTn id="9" presetID="10" presetClass="exit" presetSubtype="0" fill="hold" grpId="0" nodeType="afterEffect">
                                  <p:stCondLst>
                                    <p:cond delay="0"/>
                                  </p:stCondLst>
                                  <p:childTnLst>
                                    <p:animEffect transition="out" filter="fade">
                                      <p:cBhvr>
                                        <p:cTn id="10" dur="500"/>
                                        <p:tgtEl>
                                          <p:spTgt spid="13"/>
                                        </p:tgtEl>
                                      </p:cBhvr>
                                    </p:animEffect>
                                    <p:set>
                                      <p:cBhvr>
                                        <p:cTn id="11" dur="1" fill="hold">
                                          <p:stCondLst>
                                            <p:cond delay="499"/>
                                          </p:stCondLst>
                                        </p:cTn>
                                        <p:tgtEl>
                                          <p:spTgt spid="13"/>
                                        </p:tgtEl>
                                        <p:attrNameLst>
                                          <p:attrName>style.visibility</p:attrName>
                                        </p:attrNameLst>
                                      </p:cBhvr>
                                      <p:to>
                                        <p:strVal val="hidden"/>
                                      </p:to>
                                    </p:set>
                                  </p:childTnLst>
                                </p:cTn>
                              </p:par>
                              <p:par>
                                <p:cTn id="12" presetID="10" presetClass="exit" presetSubtype="0" fill="hold" nodeType="withEffect">
                                  <p:stCondLst>
                                    <p:cond delay="0"/>
                                  </p:stCondLst>
                                  <p:childTnLst>
                                    <p:animEffect transition="out" filter="fade">
                                      <p:cBhvr>
                                        <p:cTn id="13" dur="500"/>
                                        <p:tgtEl>
                                          <p:spTgt spid="23"/>
                                        </p:tgtEl>
                                      </p:cBhvr>
                                    </p:animEffect>
                                    <p:set>
                                      <p:cBhvr>
                                        <p:cTn id="14" dur="1" fill="hold">
                                          <p:stCondLst>
                                            <p:cond delay="499"/>
                                          </p:stCondLst>
                                        </p:cTn>
                                        <p:tgtEl>
                                          <p:spTgt spid="23"/>
                                        </p:tgtEl>
                                        <p:attrNameLst>
                                          <p:attrName>style.visibility</p:attrName>
                                        </p:attrNameLst>
                                      </p:cBhvr>
                                      <p:to>
                                        <p:strVal val="hidden"/>
                                      </p:to>
                                    </p:set>
                                  </p:childTnLst>
                                </p:cTn>
                              </p:par>
                              <p:par>
                                <p:cTn id="15" presetID="10" presetClass="exit" presetSubtype="0" fill="hold" nodeType="withEffect">
                                  <p:stCondLst>
                                    <p:cond delay="0"/>
                                  </p:stCondLst>
                                  <p:childTnLst>
                                    <p:animEffect transition="out" filter="fade">
                                      <p:cBhvr>
                                        <p:cTn id="16" dur="500"/>
                                        <p:tgtEl>
                                          <p:spTgt spid="19"/>
                                        </p:tgtEl>
                                      </p:cBhvr>
                                    </p:animEffect>
                                    <p:set>
                                      <p:cBhvr>
                                        <p:cTn id="17" dur="1" fill="hold">
                                          <p:stCondLst>
                                            <p:cond delay="499"/>
                                          </p:stCondLst>
                                        </p:cTn>
                                        <p:tgtEl>
                                          <p:spTgt spid="19"/>
                                        </p:tgtEl>
                                        <p:attrNameLst>
                                          <p:attrName>style.visibility</p:attrName>
                                        </p:attrNameLst>
                                      </p:cBhvr>
                                      <p:to>
                                        <p:strVal val="hidden"/>
                                      </p:to>
                                    </p:set>
                                  </p:childTnLst>
                                </p:cTn>
                              </p:par>
                              <p:par>
                                <p:cTn id="18" presetID="10" presetClass="exit" presetSubtype="0" fill="hold" grpId="0" nodeType="withEffect">
                                  <p:stCondLst>
                                    <p:cond delay="0"/>
                                  </p:stCondLst>
                                  <p:childTnLst>
                                    <p:animEffect transition="out" filter="fade">
                                      <p:cBhvr>
                                        <p:cTn id="19" dur="500"/>
                                        <p:tgtEl>
                                          <p:spTgt spid="17"/>
                                        </p:tgtEl>
                                      </p:cBhvr>
                                    </p:animEffect>
                                    <p:set>
                                      <p:cBhvr>
                                        <p:cTn id="20" dur="1" fill="hold">
                                          <p:stCondLst>
                                            <p:cond delay="499"/>
                                          </p:stCondLst>
                                        </p:cTn>
                                        <p:tgtEl>
                                          <p:spTgt spid="17"/>
                                        </p:tgtEl>
                                        <p:attrNameLst>
                                          <p:attrName>style.visibility</p:attrName>
                                        </p:attrNameLst>
                                      </p:cBhvr>
                                      <p:to>
                                        <p:strVal val="hidden"/>
                                      </p:to>
                                    </p:set>
                                  </p:childTnLst>
                                </p:cTn>
                              </p:par>
                            </p:childTnLst>
                          </p:cTn>
                        </p:par>
                        <p:par>
                          <p:cTn id="21" fill="hold">
                            <p:stCondLst>
                              <p:cond delay="1000"/>
                            </p:stCondLst>
                            <p:childTnLst>
                              <p:par>
                                <p:cTn id="22" presetID="10" presetClass="entr" presetSubtype="0" fill="hold" grpId="0" nodeType="afterEffect">
                                  <p:stCondLst>
                                    <p:cond delay="500"/>
                                  </p:stCondLst>
                                  <p:childTnLst>
                                    <p:set>
                                      <p:cBhvr>
                                        <p:cTn id="23" dur="1" fill="hold">
                                          <p:stCondLst>
                                            <p:cond delay="0"/>
                                          </p:stCondLst>
                                        </p:cTn>
                                        <p:tgtEl>
                                          <p:spTgt spid="7"/>
                                        </p:tgtEl>
                                        <p:attrNameLst>
                                          <p:attrName>style.visibility</p:attrName>
                                        </p:attrNameLst>
                                      </p:cBhvr>
                                      <p:to>
                                        <p:strVal val="visible"/>
                                      </p:to>
                                    </p:set>
                                    <p:animEffect transition="in" filter="fade">
                                      <p:cBhvr>
                                        <p:cTn id="24" dur="500"/>
                                        <p:tgtEl>
                                          <p:spTgt spid="7"/>
                                        </p:tgtEl>
                                      </p:cBhvr>
                                    </p:animEffect>
                                  </p:childTnLst>
                                </p:cTn>
                              </p:par>
                            </p:childTnLst>
                          </p:cTn>
                        </p:par>
                        <p:par>
                          <p:cTn id="25" fill="hold">
                            <p:stCondLst>
                              <p:cond delay="2000"/>
                            </p:stCondLst>
                            <p:childTnLst>
                              <p:par>
                                <p:cTn id="26" presetID="10" presetClass="entr" presetSubtype="0" fill="hold" nodeType="afterEffect">
                                  <p:stCondLst>
                                    <p:cond delay="0"/>
                                  </p:stCondLst>
                                  <p:childTnLst>
                                    <p:set>
                                      <p:cBhvr>
                                        <p:cTn id="27" dur="1" fill="hold">
                                          <p:stCondLst>
                                            <p:cond delay="0"/>
                                          </p:stCondLst>
                                        </p:cTn>
                                        <p:tgtEl>
                                          <p:spTgt spid="8"/>
                                        </p:tgtEl>
                                        <p:attrNameLst>
                                          <p:attrName>style.visibility</p:attrName>
                                        </p:attrNameLst>
                                      </p:cBhvr>
                                      <p:to>
                                        <p:strVal val="visible"/>
                                      </p:to>
                                    </p:set>
                                    <p:animEffect transition="in" filter="fade">
                                      <p:cBhvr>
                                        <p:cTn id="28" dur="50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p:bldP spid="17" grpId="0" animBg="1"/>
      <p:bldP spid="7" grpId="0"/>
    </p:bld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E28859-7BE9-34E3-5560-D07B21BFE689}"/>
            </a:ext>
          </a:extLst>
        </p:cNvPr>
        <p:cNvGrpSpPr/>
        <p:nvPr/>
      </p:nvGrpSpPr>
      <p:grpSpPr>
        <a:xfrm>
          <a:off x="0" y="0"/>
          <a:ext cx="0" cy="0"/>
          <a:chOff x="0" y="0"/>
          <a:chExt cx="0" cy="0"/>
        </a:xfrm>
      </p:grpSpPr>
      <p:sp>
        <p:nvSpPr>
          <p:cNvPr id="5" name="Date Placeholder 4">
            <a:extLst>
              <a:ext uri="{FF2B5EF4-FFF2-40B4-BE49-F238E27FC236}">
                <a16:creationId xmlns:a16="http://schemas.microsoft.com/office/drawing/2014/main" id="{1E0CC7AC-0C21-D452-6A4F-F212D63B1CB5}"/>
              </a:ext>
            </a:extLst>
          </p:cNvPr>
          <p:cNvSpPr>
            <a:spLocks noGrp="1"/>
          </p:cNvSpPr>
          <p:nvPr>
            <p:ph type="dt" sz="half" idx="14"/>
          </p:nvPr>
        </p:nvSpPr>
        <p:spPr/>
        <p:txBody>
          <a:bodyPr/>
          <a:lstStyle/>
          <a:p>
            <a:fld id="{E02C8C58-7455-42B9-A9FD-EE48EC293C11}" type="datetime1">
              <a:rPr lang="en-GB" smtClean="0"/>
              <a:t>15/03/2025</a:t>
            </a:fld>
            <a:endParaRPr lang="en-GB"/>
          </a:p>
        </p:txBody>
      </p:sp>
      <p:sp>
        <p:nvSpPr>
          <p:cNvPr id="6" name="Footer Placeholder 5">
            <a:extLst>
              <a:ext uri="{FF2B5EF4-FFF2-40B4-BE49-F238E27FC236}">
                <a16:creationId xmlns:a16="http://schemas.microsoft.com/office/drawing/2014/main" id="{A34D627C-AB91-4854-F838-1F1646A27712}"/>
              </a:ext>
            </a:extLst>
          </p:cNvPr>
          <p:cNvSpPr>
            <a:spLocks noGrp="1"/>
          </p:cNvSpPr>
          <p:nvPr>
            <p:ph type="ftr" sz="quarter" idx="15"/>
          </p:nvPr>
        </p:nvSpPr>
        <p:spPr/>
        <p:txBody>
          <a:bodyPr/>
          <a:lstStyle/>
          <a:p>
            <a:endParaRPr lang="en-GB"/>
          </a:p>
        </p:txBody>
      </p:sp>
      <p:sp>
        <p:nvSpPr>
          <p:cNvPr id="7" name="Slide Number Placeholder 6">
            <a:extLst>
              <a:ext uri="{FF2B5EF4-FFF2-40B4-BE49-F238E27FC236}">
                <a16:creationId xmlns:a16="http://schemas.microsoft.com/office/drawing/2014/main" id="{68562654-9A37-7245-B7AE-AAF18A1D536A}"/>
              </a:ext>
            </a:extLst>
          </p:cNvPr>
          <p:cNvSpPr>
            <a:spLocks noGrp="1"/>
          </p:cNvSpPr>
          <p:nvPr>
            <p:ph type="sldNum" sz="quarter" idx="16"/>
          </p:nvPr>
        </p:nvSpPr>
        <p:spPr/>
        <p:txBody>
          <a:bodyPr/>
          <a:lstStyle/>
          <a:p>
            <a:fld id="{83D1311D-0AF4-BF42-8BF9-EAD1FE65203C}" type="slidenum">
              <a:rPr lang="en-GB" smtClean="0"/>
              <a:pPr/>
              <a:t>18</a:t>
            </a:fld>
            <a:endParaRPr lang="en-GB"/>
          </a:p>
        </p:txBody>
      </p:sp>
      <p:pic>
        <p:nvPicPr>
          <p:cNvPr id="15" name="Picture 14">
            <a:extLst>
              <a:ext uri="{FF2B5EF4-FFF2-40B4-BE49-F238E27FC236}">
                <a16:creationId xmlns:a16="http://schemas.microsoft.com/office/drawing/2014/main" id="{E68976F3-B6F8-680A-68B6-D48F00D88B0E}"/>
              </a:ext>
            </a:extLst>
          </p:cNvPr>
          <p:cNvPicPr>
            <a:picLocks noChangeAspect="1"/>
          </p:cNvPicPr>
          <p:nvPr/>
        </p:nvPicPr>
        <p:blipFill>
          <a:blip r:embed="rId3"/>
          <a:stretch>
            <a:fillRect/>
          </a:stretch>
        </p:blipFill>
        <p:spPr>
          <a:xfrm>
            <a:off x="3082767" y="1357142"/>
            <a:ext cx="6038894" cy="5067337"/>
          </a:xfrm>
          <a:prstGeom prst="rect">
            <a:avLst/>
          </a:prstGeom>
        </p:spPr>
      </p:pic>
      <p:pic>
        <p:nvPicPr>
          <p:cNvPr id="17" name="Picture 16">
            <a:extLst>
              <a:ext uri="{FF2B5EF4-FFF2-40B4-BE49-F238E27FC236}">
                <a16:creationId xmlns:a16="http://schemas.microsoft.com/office/drawing/2014/main" id="{FF10F113-0B47-C859-F86D-04A955D38C13}"/>
              </a:ext>
            </a:extLst>
          </p:cNvPr>
          <p:cNvPicPr>
            <a:picLocks noChangeAspect="1"/>
          </p:cNvPicPr>
          <p:nvPr/>
        </p:nvPicPr>
        <p:blipFill>
          <a:blip r:embed="rId4"/>
          <a:stretch>
            <a:fillRect/>
          </a:stretch>
        </p:blipFill>
        <p:spPr>
          <a:xfrm>
            <a:off x="1670215" y="433788"/>
            <a:ext cx="1619262" cy="1685937"/>
          </a:xfrm>
          <a:prstGeom prst="rect">
            <a:avLst/>
          </a:prstGeom>
        </p:spPr>
      </p:pic>
      <p:pic>
        <p:nvPicPr>
          <p:cNvPr id="21" name="Picture 20">
            <a:extLst>
              <a:ext uri="{FF2B5EF4-FFF2-40B4-BE49-F238E27FC236}">
                <a16:creationId xmlns:a16="http://schemas.microsoft.com/office/drawing/2014/main" id="{36EE9BDF-F348-43AD-EAC3-8FE5AF343CE2}"/>
              </a:ext>
            </a:extLst>
          </p:cNvPr>
          <p:cNvPicPr>
            <a:picLocks noChangeAspect="1"/>
          </p:cNvPicPr>
          <p:nvPr/>
        </p:nvPicPr>
        <p:blipFill>
          <a:blip r:embed="rId5"/>
          <a:stretch>
            <a:fillRect/>
          </a:stretch>
        </p:blipFill>
        <p:spPr>
          <a:xfrm>
            <a:off x="9810256" y="4243325"/>
            <a:ext cx="1311547" cy="1539642"/>
          </a:xfrm>
          <a:prstGeom prst="rect">
            <a:avLst/>
          </a:prstGeom>
        </p:spPr>
      </p:pic>
      <p:pic>
        <p:nvPicPr>
          <p:cNvPr id="9" name="Content Placeholder 10">
            <a:extLst>
              <a:ext uri="{FF2B5EF4-FFF2-40B4-BE49-F238E27FC236}">
                <a16:creationId xmlns:a16="http://schemas.microsoft.com/office/drawing/2014/main" id="{DEF520EA-3B0E-0C62-B428-0BB24228E272}"/>
              </a:ext>
            </a:extLst>
          </p:cNvPr>
          <p:cNvPicPr>
            <a:picLocks noGrp="1" noChangeAspect="1"/>
          </p:cNvPicPr>
          <p:nvPr>
            <p:ph idx="1"/>
          </p:nvPr>
        </p:nvPicPr>
        <p:blipFill>
          <a:blip r:embed="rId6"/>
          <a:stretch>
            <a:fillRect/>
          </a:stretch>
        </p:blipFill>
        <p:spPr>
          <a:xfrm>
            <a:off x="1492818" y="2640188"/>
            <a:ext cx="1356968" cy="1259220"/>
          </a:xfrm>
        </p:spPr>
      </p:pic>
      <p:pic>
        <p:nvPicPr>
          <p:cNvPr id="10" name="Picture 9">
            <a:extLst>
              <a:ext uri="{FF2B5EF4-FFF2-40B4-BE49-F238E27FC236}">
                <a16:creationId xmlns:a16="http://schemas.microsoft.com/office/drawing/2014/main" id="{EE54B2D8-44E1-29C7-D10B-FDDF6B73EAAF}"/>
              </a:ext>
            </a:extLst>
          </p:cNvPr>
          <p:cNvPicPr>
            <a:picLocks noChangeAspect="1"/>
          </p:cNvPicPr>
          <p:nvPr/>
        </p:nvPicPr>
        <p:blipFill>
          <a:blip r:embed="rId7"/>
          <a:stretch>
            <a:fillRect/>
          </a:stretch>
        </p:blipFill>
        <p:spPr>
          <a:xfrm>
            <a:off x="1259838" y="4659112"/>
            <a:ext cx="1822929" cy="1272380"/>
          </a:xfrm>
          <a:prstGeom prst="rect">
            <a:avLst/>
          </a:prstGeom>
        </p:spPr>
      </p:pic>
      <p:pic>
        <p:nvPicPr>
          <p:cNvPr id="12" name="Picture 11">
            <a:extLst>
              <a:ext uri="{FF2B5EF4-FFF2-40B4-BE49-F238E27FC236}">
                <a16:creationId xmlns:a16="http://schemas.microsoft.com/office/drawing/2014/main" id="{07296B53-9DAF-099F-931F-8580FDB6BCD7}"/>
              </a:ext>
            </a:extLst>
          </p:cNvPr>
          <p:cNvPicPr>
            <a:picLocks noChangeAspect="1"/>
          </p:cNvPicPr>
          <p:nvPr/>
        </p:nvPicPr>
        <p:blipFill>
          <a:blip r:embed="rId8"/>
          <a:stretch>
            <a:fillRect/>
          </a:stretch>
        </p:blipFill>
        <p:spPr>
          <a:xfrm flipH="1">
            <a:off x="4210083" y="490541"/>
            <a:ext cx="1995486" cy="1205865"/>
          </a:xfrm>
          <a:prstGeom prst="rect">
            <a:avLst/>
          </a:prstGeom>
        </p:spPr>
      </p:pic>
      <p:grpSp>
        <p:nvGrpSpPr>
          <p:cNvPr id="19" name="Group 18">
            <a:extLst>
              <a:ext uri="{FF2B5EF4-FFF2-40B4-BE49-F238E27FC236}">
                <a16:creationId xmlns:a16="http://schemas.microsoft.com/office/drawing/2014/main" id="{218323DB-C35E-44F8-A542-78DD96B7A17D}"/>
              </a:ext>
            </a:extLst>
          </p:cNvPr>
          <p:cNvGrpSpPr/>
          <p:nvPr/>
        </p:nvGrpSpPr>
        <p:grpSpPr>
          <a:xfrm>
            <a:off x="9433711" y="993394"/>
            <a:ext cx="2179817" cy="2021410"/>
            <a:chOff x="8776393" y="993394"/>
            <a:chExt cx="2837135" cy="2547024"/>
          </a:xfrm>
        </p:grpSpPr>
        <p:pic>
          <p:nvPicPr>
            <p:cNvPr id="8" name="Picture 7">
              <a:extLst>
                <a:ext uri="{FF2B5EF4-FFF2-40B4-BE49-F238E27FC236}">
                  <a16:creationId xmlns:a16="http://schemas.microsoft.com/office/drawing/2014/main" id="{BBCB183D-A1A4-EF52-1AC9-77B4373C8B2F}"/>
                </a:ext>
              </a:extLst>
            </p:cNvPr>
            <p:cNvPicPr>
              <a:picLocks noChangeAspect="1"/>
            </p:cNvPicPr>
            <p:nvPr/>
          </p:nvPicPr>
          <p:blipFill>
            <a:blip r:embed="rId9"/>
            <a:stretch>
              <a:fillRect/>
            </a:stretch>
          </p:blipFill>
          <p:spPr>
            <a:xfrm>
              <a:off x="8860894" y="993394"/>
              <a:ext cx="2524143" cy="2419368"/>
            </a:xfrm>
            <a:prstGeom prst="rect">
              <a:avLst/>
            </a:prstGeom>
          </p:spPr>
        </p:pic>
        <p:sp>
          <p:nvSpPr>
            <p:cNvPr id="11" name="Multiplication Sign 10">
              <a:extLst>
                <a:ext uri="{FF2B5EF4-FFF2-40B4-BE49-F238E27FC236}">
                  <a16:creationId xmlns:a16="http://schemas.microsoft.com/office/drawing/2014/main" id="{4456DB90-7BC1-0221-EB3A-2D435D35C813}"/>
                </a:ext>
              </a:extLst>
            </p:cNvPr>
            <p:cNvSpPr/>
            <p:nvPr/>
          </p:nvSpPr>
          <p:spPr>
            <a:xfrm>
              <a:off x="8776393" y="2767448"/>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Multiplication Sign 12">
              <a:extLst>
                <a:ext uri="{FF2B5EF4-FFF2-40B4-BE49-F238E27FC236}">
                  <a16:creationId xmlns:a16="http://schemas.microsoft.com/office/drawing/2014/main" id="{509D1D4B-943E-59F5-03B1-C84B97533821}"/>
                </a:ext>
              </a:extLst>
            </p:cNvPr>
            <p:cNvSpPr/>
            <p:nvPr/>
          </p:nvSpPr>
          <p:spPr>
            <a:xfrm>
              <a:off x="10117339" y="3037696"/>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4" name="Multiplication Sign 13">
              <a:extLst>
                <a:ext uri="{FF2B5EF4-FFF2-40B4-BE49-F238E27FC236}">
                  <a16:creationId xmlns:a16="http://schemas.microsoft.com/office/drawing/2014/main" id="{A622FAA6-0E9C-7CC0-6763-B439384DBDD0}"/>
                </a:ext>
              </a:extLst>
            </p:cNvPr>
            <p:cNvSpPr/>
            <p:nvPr/>
          </p:nvSpPr>
          <p:spPr>
            <a:xfrm>
              <a:off x="11123435" y="2079940"/>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6" name="Multiplication Sign 15">
              <a:extLst>
                <a:ext uri="{FF2B5EF4-FFF2-40B4-BE49-F238E27FC236}">
                  <a16:creationId xmlns:a16="http://schemas.microsoft.com/office/drawing/2014/main" id="{EE4E93A4-804F-61A3-6EEF-284C9E1340D8}"/>
                </a:ext>
              </a:extLst>
            </p:cNvPr>
            <p:cNvSpPr/>
            <p:nvPr/>
          </p:nvSpPr>
          <p:spPr>
            <a:xfrm>
              <a:off x="10979445" y="1279760"/>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8" name="Multiplication Sign 17">
              <a:extLst>
                <a:ext uri="{FF2B5EF4-FFF2-40B4-BE49-F238E27FC236}">
                  <a16:creationId xmlns:a16="http://schemas.microsoft.com/office/drawing/2014/main" id="{DE09A6EB-D805-0D13-3CAA-A526872EDB80}"/>
                </a:ext>
              </a:extLst>
            </p:cNvPr>
            <p:cNvSpPr/>
            <p:nvPr/>
          </p:nvSpPr>
          <p:spPr>
            <a:xfrm>
              <a:off x="8948651" y="993394"/>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grpSp>
    </p:spTree>
    <p:extLst>
      <p:ext uri="{BB962C8B-B14F-4D97-AF65-F5344CB8AC3E}">
        <p14:creationId xmlns:p14="http://schemas.microsoft.com/office/powerpoint/2010/main" val="406661547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17"/>
                                        </p:tgtEl>
                                        <p:attrNameLst>
                                          <p:attrName>style.visibility</p:attrName>
                                        </p:attrNameLst>
                                      </p:cBhvr>
                                      <p:to>
                                        <p:strVal val="visible"/>
                                      </p:to>
                                    </p:set>
                                    <p:animEffect transition="in" filter="fade">
                                      <p:cBhvr>
                                        <p:cTn id="7" dur="500"/>
                                        <p:tgtEl>
                                          <p:spTgt spid="17"/>
                                        </p:tgtEl>
                                      </p:cBhvr>
                                    </p:animEffect>
                                  </p:childTnLst>
                                </p:cTn>
                              </p:par>
                            </p:childTnLst>
                          </p:cTn>
                        </p:par>
                        <p:par>
                          <p:cTn id="8" fill="hold">
                            <p:stCondLst>
                              <p:cond delay="500"/>
                            </p:stCondLst>
                            <p:childTnLst>
                              <p:par>
                                <p:cTn id="9" presetID="10" presetClass="entr" presetSubtype="0" fill="hold" nodeType="afterEffect">
                                  <p:stCondLst>
                                    <p:cond delay="0"/>
                                  </p:stCondLst>
                                  <p:childTnLst>
                                    <p:set>
                                      <p:cBhvr>
                                        <p:cTn id="10" dur="1" fill="hold">
                                          <p:stCondLst>
                                            <p:cond delay="0"/>
                                          </p:stCondLst>
                                        </p:cTn>
                                        <p:tgtEl>
                                          <p:spTgt spid="9"/>
                                        </p:tgtEl>
                                        <p:attrNameLst>
                                          <p:attrName>style.visibility</p:attrName>
                                        </p:attrNameLst>
                                      </p:cBhvr>
                                      <p:to>
                                        <p:strVal val="visible"/>
                                      </p:to>
                                    </p:set>
                                    <p:animEffect transition="in" filter="fade">
                                      <p:cBhvr>
                                        <p:cTn id="11" dur="500"/>
                                        <p:tgtEl>
                                          <p:spTgt spid="9"/>
                                        </p:tgtEl>
                                      </p:cBhvr>
                                    </p:animEffect>
                                  </p:childTnLst>
                                </p:cTn>
                              </p:par>
                            </p:childTnLst>
                          </p:cTn>
                        </p:par>
                        <p:par>
                          <p:cTn id="12" fill="hold">
                            <p:stCondLst>
                              <p:cond delay="1000"/>
                            </p:stCondLst>
                            <p:childTnLst>
                              <p:par>
                                <p:cTn id="13" presetID="10" presetClass="entr" presetSubtype="0" fill="hold" nodeType="afterEffect">
                                  <p:stCondLst>
                                    <p:cond delay="0"/>
                                  </p:stCondLst>
                                  <p:childTnLst>
                                    <p:set>
                                      <p:cBhvr>
                                        <p:cTn id="14" dur="1" fill="hold">
                                          <p:stCondLst>
                                            <p:cond delay="0"/>
                                          </p:stCondLst>
                                        </p:cTn>
                                        <p:tgtEl>
                                          <p:spTgt spid="10"/>
                                        </p:tgtEl>
                                        <p:attrNameLst>
                                          <p:attrName>style.visibility</p:attrName>
                                        </p:attrNameLst>
                                      </p:cBhvr>
                                      <p:to>
                                        <p:strVal val="visible"/>
                                      </p:to>
                                    </p:set>
                                    <p:animEffect transition="in" filter="fade">
                                      <p:cBhvr>
                                        <p:cTn id="15" dur="500"/>
                                        <p:tgtEl>
                                          <p:spTgt spid="10"/>
                                        </p:tgtEl>
                                      </p:cBhvr>
                                    </p:animEffect>
                                  </p:childTnLst>
                                </p:cTn>
                              </p:par>
                            </p:childTnLst>
                          </p:cTn>
                        </p:par>
                        <p:par>
                          <p:cTn id="16" fill="hold">
                            <p:stCondLst>
                              <p:cond delay="1500"/>
                            </p:stCondLst>
                            <p:childTnLst>
                              <p:par>
                                <p:cTn id="17" presetID="10" presetClass="entr" presetSubtype="0" fill="hold" nodeType="afterEffect">
                                  <p:stCondLst>
                                    <p:cond delay="0"/>
                                  </p:stCondLst>
                                  <p:childTnLst>
                                    <p:set>
                                      <p:cBhvr>
                                        <p:cTn id="18" dur="1" fill="hold">
                                          <p:stCondLst>
                                            <p:cond delay="0"/>
                                          </p:stCondLst>
                                        </p:cTn>
                                        <p:tgtEl>
                                          <p:spTgt spid="12"/>
                                        </p:tgtEl>
                                        <p:attrNameLst>
                                          <p:attrName>style.visibility</p:attrName>
                                        </p:attrNameLst>
                                      </p:cBhvr>
                                      <p:to>
                                        <p:strVal val="visible"/>
                                      </p:to>
                                    </p:set>
                                    <p:animEffect transition="in" filter="fade">
                                      <p:cBhvr>
                                        <p:cTn id="19" dur="500"/>
                                        <p:tgtEl>
                                          <p:spTgt spid="12"/>
                                        </p:tgtEl>
                                      </p:cBhvr>
                                    </p:animEffect>
                                  </p:childTnLst>
                                </p:cTn>
                              </p:par>
                            </p:childTnLst>
                          </p:cTn>
                        </p:par>
                        <p:par>
                          <p:cTn id="20" fill="hold">
                            <p:stCondLst>
                              <p:cond delay="2000"/>
                            </p:stCondLst>
                            <p:childTnLst>
                              <p:par>
                                <p:cTn id="21" presetID="10" presetClass="entr" presetSubtype="0" fill="hold" nodeType="afterEffect">
                                  <p:stCondLst>
                                    <p:cond delay="0"/>
                                  </p:stCondLst>
                                  <p:childTnLst>
                                    <p:set>
                                      <p:cBhvr>
                                        <p:cTn id="22" dur="1" fill="hold">
                                          <p:stCondLst>
                                            <p:cond delay="0"/>
                                          </p:stCondLst>
                                        </p:cTn>
                                        <p:tgtEl>
                                          <p:spTgt spid="21"/>
                                        </p:tgtEl>
                                        <p:attrNameLst>
                                          <p:attrName>style.visibility</p:attrName>
                                        </p:attrNameLst>
                                      </p:cBhvr>
                                      <p:to>
                                        <p:strVal val="visible"/>
                                      </p:to>
                                    </p:set>
                                    <p:animEffect transition="in" filter="fade">
                                      <p:cBhvr>
                                        <p:cTn id="23" dur="500"/>
                                        <p:tgtEl>
                                          <p:spTgt spid="21"/>
                                        </p:tgtEl>
                                      </p:cBhvr>
                                    </p:animEffect>
                                  </p:childTnLst>
                                </p:cTn>
                              </p:par>
                            </p:childTnLst>
                          </p:cTn>
                        </p:par>
                        <p:par>
                          <p:cTn id="24" fill="hold">
                            <p:stCondLst>
                              <p:cond delay="2500"/>
                            </p:stCondLst>
                            <p:childTnLst>
                              <p:par>
                                <p:cTn id="25" presetID="10" presetClass="entr" presetSubtype="0" fill="hold" nodeType="afterEffect">
                                  <p:stCondLst>
                                    <p:cond delay="0"/>
                                  </p:stCondLst>
                                  <p:childTnLst>
                                    <p:set>
                                      <p:cBhvr>
                                        <p:cTn id="26" dur="1" fill="hold">
                                          <p:stCondLst>
                                            <p:cond delay="0"/>
                                          </p:stCondLst>
                                        </p:cTn>
                                        <p:tgtEl>
                                          <p:spTgt spid="19"/>
                                        </p:tgtEl>
                                        <p:attrNameLst>
                                          <p:attrName>style.visibility</p:attrName>
                                        </p:attrNameLst>
                                      </p:cBhvr>
                                      <p:to>
                                        <p:strVal val="visible"/>
                                      </p:to>
                                    </p:set>
                                    <p:animEffect transition="in" filter="fade">
                                      <p:cBhvr>
                                        <p:cTn id="27" dur="500"/>
                                        <p:tgtEl>
                                          <p:spTgt spid="1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0EAFA9E4-EA9C-EE7F-6E9C-E38909C74152}"/>
              </a:ext>
            </a:extLst>
          </p:cNvPr>
          <p:cNvSpPr>
            <a:spLocks noGrp="1"/>
          </p:cNvSpPr>
          <p:nvPr>
            <p:ph idx="1"/>
          </p:nvPr>
        </p:nvSpPr>
        <p:spPr>
          <a:xfrm>
            <a:off x="3041963" y="1454439"/>
            <a:ext cx="8229638" cy="4667248"/>
          </a:xfrm>
        </p:spPr>
        <p:txBody>
          <a:bodyPr/>
          <a:lstStyle/>
          <a:p>
            <a:pPr algn="l"/>
            <a:r>
              <a:rPr lang="en-GB" sz="1400" b="1" i="0" dirty="0">
                <a:solidFill>
                  <a:srgbClr val="002060"/>
                </a:solidFill>
                <a:ea typeface="Arial" charset="0"/>
                <a:cs typeface="Arial" charset="0"/>
              </a:rPr>
              <a:t>Meer </a:t>
            </a:r>
            <a:r>
              <a:rPr lang="en-GB" sz="1400" b="1" i="0" dirty="0" err="1">
                <a:solidFill>
                  <a:srgbClr val="002060"/>
                </a:solidFill>
                <a:ea typeface="Arial" charset="0"/>
                <a:cs typeface="Arial" charset="0"/>
              </a:rPr>
              <a:t>weghalen</a:t>
            </a:r>
            <a:r>
              <a:rPr lang="en-GB" sz="1400" b="1" i="0" dirty="0">
                <a:solidFill>
                  <a:srgbClr val="002060"/>
                </a:solidFill>
                <a:ea typeface="Arial" charset="0"/>
                <a:cs typeface="Arial" charset="0"/>
              </a:rPr>
              <a:t>/</a:t>
            </a:r>
            <a:r>
              <a:rPr lang="en-GB" sz="1400" b="1" dirty="0">
                <a:solidFill>
                  <a:srgbClr val="002060"/>
                </a:solidFill>
                <a:ea typeface="Arial" charset="0"/>
                <a:cs typeface="Arial" charset="0"/>
              </a:rPr>
              <a:t>minder</a:t>
            </a:r>
            <a:r>
              <a:rPr lang="en-GB" sz="1400" b="1" i="0" dirty="0">
                <a:solidFill>
                  <a:srgbClr val="002060"/>
                </a:solidFill>
                <a:ea typeface="Arial" charset="0"/>
                <a:cs typeface="Arial" charset="0"/>
              </a:rPr>
              <a:t> </a:t>
            </a:r>
            <a:r>
              <a:rPr lang="en-GB" sz="1400" b="1" i="0" dirty="0" err="1">
                <a:solidFill>
                  <a:srgbClr val="002060"/>
                </a:solidFill>
                <a:ea typeface="Arial" charset="0"/>
                <a:cs typeface="Arial" charset="0"/>
              </a:rPr>
              <a:t>achterlaten</a:t>
            </a:r>
            <a:r>
              <a:rPr lang="en-GB" sz="1400" b="1" dirty="0">
                <a:solidFill>
                  <a:srgbClr val="002060"/>
                </a:solidFill>
                <a:ea typeface="Arial" charset="0"/>
                <a:cs typeface="Arial" charset="0"/>
              </a:rPr>
              <a:t> </a:t>
            </a:r>
            <a:r>
              <a:rPr lang="en-GB" sz="1400" b="1" i="0" dirty="0">
                <a:solidFill>
                  <a:srgbClr val="002060"/>
                </a:solidFill>
                <a:ea typeface="Arial" charset="0"/>
                <a:cs typeface="Arial" charset="0"/>
              </a:rPr>
              <a:t>is </a:t>
            </a:r>
            <a:r>
              <a:rPr lang="en-GB" sz="1400" b="1" i="0" dirty="0" err="1">
                <a:solidFill>
                  <a:srgbClr val="002060"/>
                </a:solidFill>
                <a:ea typeface="Arial" charset="0"/>
                <a:cs typeface="Arial" charset="0"/>
              </a:rPr>
              <a:t>beter</a:t>
            </a:r>
            <a:r>
              <a:rPr lang="en-GB" sz="1400" b="1" i="0" dirty="0">
                <a:solidFill>
                  <a:srgbClr val="002060"/>
                </a:solidFill>
                <a:ea typeface="Arial" charset="0"/>
                <a:cs typeface="Arial" charset="0"/>
              </a:rPr>
              <a:t>: </a:t>
            </a:r>
            <a:r>
              <a:rPr lang="en-GB" sz="1400" b="1" i="0" dirty="0" err="1">
                <a:solidFill>
                  <a:srgbClr val="C00000"/>
                </a:solidFill>
                <a:ea typeface="Arial" charset="0"/>
                <a:cs typeface="Arial" charset="0"/>
              </a:rPr>
              <a:t>betere</a:t>
            </a:r>
            <a:r>
              <a:rPr lang="en-GB" sz="1400" b="1" i="0" dirty="0">
                <a:solidFill>
                  <a:srgbClr val="C00000"/>
                </a:solidFill>
                <a:ea typeface="Arial" charset="0"/>
                <a:cs typeface="Arial" charset="0"/>
              </a:rPr>
              <a:t> </a:t>
            </a:r>
            <a:r>
              <a:rPr lang="en-GB" sz="1400" b="1" i="0" dirty="0" err="1">
                <a:solidFill>
                  <a:srgbClr val="C00000"/>
                </a:solidFill>
                <a:ea typeface="Arial" charset="0"/>
                <a:cs typeface="Arial" charset="0"/>
              </a:rPr>
              <a:t>resectie</a:t>
            </a:r>
            <a:r>
              <a:rPr lang="en-GB" sz="1400" b="1" i="0" dirty="0">
                <a:solidFill>
                  <a:srgbClr val="C00000"/>
                </a:solidFill>
                <a:ea typeface="Arial" charset="0"/>
                <a:cs typeface="Arial" charset="0"/>
              </a:rPr>
              <a:t> </a:t>
            </a:r>
            <a:r>
              <a:rPr lang="en-GB" sz="1400" b="1" i="0" dirty="0" err="1">
                <a:solidFill>
                  <a:srgbClr val="C00000"/>
                </a:solidFill>
                <a:ea typeface="Arial" charset="0"/>
                <a:cs typeface="Arial" charset="0"/>
              </a:rPr>
              <a:t>technieken</a:t>
            </a:r>
            <a:r>
              <a:rPr lang="en-GB" sz="1400" b="1" i="0" dirty="0">
                <a:solidFill>
                  <a:srgbClr val="C00000"/>
                </a:solidFill>
                <a:ea typeface="Arial" charset="0"/>
                <a:cs typeface="Arial" charset="0"/>
              </a:rPr>
              <a:t> (</a:t>
            </a:r>
            <a:r>
              <a:rPr lang="en-GB" sz="1400" b="1" dirty="0" err="1">
                <a:solidFill>
                  <a:srgbClr val="C00000"/>
                </a:solidFill>
                <a:ea typeface="Arial" charset="0"/>
                <a:cs typeface="Arial" charset="0"/>
              </a:rPr>
              <a:t>wakkere</a:t>
            </a:r>
            <a:r>
              <a:rPr lang="en-GB" sz="1400" b="1" dirty="0">
                <a:solidFill>
                  <a:srgbClr val="C00000"/>
                </a:solidFill>
                <a:ea typeface="Arial" charset="0"/>
                <a:cs typeface="Arial" charset="0"/>
              </a:rPr>
              <a:t> </a:t>
            </a:r>
            <a:r>
              <a:rPr lang="en-GB" sz="1400" b="1" dirty="0" err="1">
                <a:solidFill>
                  <a:srgbClr val="C00000"/>
                </a:solidFill>
                <a:ea typeface="Arial" charset="0"/>
                <a:cs typeface="Arial" charset="0"/>
              </a:rPr>
              <a:t>operaties</a:t>
            </a:r>
            <a:r>
              <a:rPr lang="en-GB" sz="1400" b="1" dirty="0">
                <a:solidFill>
                  <a:srgbClr val="C00000"/>
                </a:solidFill>
                <a:ea typeface="Arial" charset="0"/>
                <a:cs typeface="Arial" charset="0"/>
              </a:rPr>
              <a:t>)</a:t>
            </a:r>
          </a:p>
          <a:p>
            <a:pPr algn="l"/>
            <a:endParaRPr lang="en-GB" b="1" i="0" dirty="0">
              <a:solidFill>
                <a:srgbClr val="C00000"/>
              </a:solidFill>
              <a:ea typeface="Arial" charset="0"/>
              <a:cs typeface="Arial" charset="0"/>
            </a:endParaRPr>
          </a:p>
          <a:p>
            <a:pPr algn="l"/>
            <a:endParaRPr lang="en-GB" b="1" i="0" dirty="0">
              <a:solidFill>
                <a:srgbClr val="C00000"/>
              </a:solidFill>
              <a:ea typeface="Arial" charset="0"/>
              <a:cs typeface="Arial" charset="0"/>
            </a:endParaRPr>
          </a:p>
          <a:p>
            <a:pPr algn="l"/>
            <a:r>
              <a:rPr lang="en-GB" b="1" i="0" dirty="0">
                <a:solidFill>
                  <a:srgbClr val="C00000"/>
                </a:solidFill>
                <a:ea typeface="Arial" charset="0"/>
                <a:cs typeface="Arial" charset="0"/>
              </a:rPr>
              <a:t>AI: </a:t>
            </a:r>
          </a:p>
          <a:p>
            <a:pPr lvl="1">
              <a:spcBef>
                <a:spcPts val="300"/>
              </a:spcBef>
            </a:pPr>
            <a:r>
              <a:rPr lang="en-GB" i="0" dirty="0">
                <a:solidFill>
                  <a:srgbClr val="002060"/>
                </a:solidFill>
                <a:ea typeface="Arial" charset="0"/>
                <a:cs typeface="Arial" charset="0"/>
              </a:rPr>
              <a:t>Diagnose op basis van MRI </a:t>
            </a:r>
            <a:r>
              <a:rPr lang="en-GB" i="0" dirty="0" err="1">
                <a:solidFill>
                  <a:srgbClr val="002060"/>
                </a:solidFill>
                <a:ea typeface="Arial" charset="0"/>
                <a:cs typeface="Arial" charset="0"/>
              </a:rPr>
              <a:t>beelden</a:t>
            </a:r>
            <a:r>
              <a:rPr lang="en-GB" i="0" dirty="0">
                <a:solidFill>
                  <a:srgbClr val="002060"/>
                </a:solidFill>
                <a:ea typeface="Arial" charset="0"/>
                <a:cs typeface="Arial" charset="0"/>
              </a:rPr>
              <a:t> (</a:t>
            </a:r>
            <a:r>
              <a:rPr lang="en-GB" i="0" dirty="0" err="1">
                <a:solidFill>
                  <a:srgbClr val="C00000"/>
                </a:solidFill>
                <a:ea typeface="Arial" charset="0"/>
                <a:cs typeface="Arial" charset="0"/>
              </a:rPr>
              <a:t>voor</a:t>
            </a:r>
            <a:r>
              <a:rPr lang="en-GB" i="0" dirty="0">
                <a:solidFill>
                  <a:srgbClr val="C00000"/>
                </a:solidFill>
                <a:ea typeface="Arial" charset="0"/>
                <a:cs typeface="Arial" charset="0"/>
              </a:rPr>
              <a:t> de </a:t>
            </a:r>
            <a:r>
              <a:rPr lang="en-GB" i="0" dirty="0" err="1">
                <a:solidFill>
                  <a:srgbClr val="C00000"/>
                </a:solidFill>
                <a:ea typeface="Arial" charset="0"/>
                <a:cs typeface="Arial" charset="0"/>
              </a:rPr>
              <a:t>operatie</a:t>
            </a:r>
            <a:r>
              <a:rPr lang="en-GB" i="0" dirty="0">
                <a:solidFill>
                  <a:srgbClr val="002060"/>
                </a:solidFill>
                <a:ea typeface="Arial" charset="0"/>
                <a:cs typeface="Arial" charset="0"/>
              </a:rPr>
              <a:t>)</a:t>
            </a:r>
          </a:p>
          <a:p>
            <a:pPr lvl="1">
              <a:spcBef>
                <a:spcPts val="300"/>
              </a:spcBef>
            </a:pPr>
            <a:r>
              <a:rPr lang="en-GB" dirty="0">
                <a:solidFill>
                  <a:srgbClr val="002060"/>
                </a:solidFill>
                <a:ea typeface="Arial" charset="0"/>
                <a:cs typeface="Arial" charset="0"/>
              </a:rPr>
              <a:t>Diagnose/</a:t>
            </a:r>
            <a:r>
              <a:rPr lang="en-GB" dirty="0" err="1">
                <a:solidFill>
                  <a:srgbClr val="002060"/>
                </a:solidFill>
                <a:ea typeface="Arial" charset="0"/>
                <a:cs typeface="Arial" charset="0"/>
              </a:rPr>
              <a:t>monitoren</a:t>
            </a:r>
            <a:r>
              <a:rPr lang="en-GB" dirty="0">
                <a:solidFill>
                  <a:srgbClr val="002060"/>
                </a:solidFill>
                <a:ea typeface="Arial" charset="0"/>
                <a:cs typeface="Arial" charset="0"/>
              </a:rPr>
              <a:t> </a:t>
            </a:r>
            <a:r>
              <a:rPr lang="en-GB" dirty="0" err="1">
                <a:solidFill>
                  <a:srgbClr val="002060"/>
                </a:solidFill>
                <a:ea typeface="Arial" charset="0"/>
                <a:cs typeface="Arial" charset="0"/>
              </a:rPr>
              <a:t>uit</a:t>
            </a:r>
            <a:r>
              <a:rPr lang="en-GB" dirty="0">
                <a:solidFill>
                  <a:srgbClr val="002060"/>
                </a:solidFill>
                <a:ea typeface="Arial" charset="0"/>
                <a:cs typeface="Arial" charset="0"/>
              </a:rPr>
              <a:t> </a:t>
            </a:r>
            <a:r>
              <a:rPr lang="en-GB" dirty="0" err="1">
                <a:solidFill>
                  <a:srgbClr val="002060"/>
                </a:solidFill>
                <a:ea typeface="Arial" charset="0"/>
                <a:cs typeface="Arial" charset="0"/>
              </a:rPr>
              <a:t>bloed</a:t>
            </a:r>
            <a:r>
              <a:rPr lang="en-GB" dirty="0">
                <a:solidFill>
                  <a:srgbClr val="002060"/>
                </a:solidFill>
                <a:ea typeface="Arial" charset="0"/>
                <a:cs typeface="Arial" charset="0"/>
              </a:rPr>
              <a:t> (</a:t>
            </a:r>
            <a:r>
              <a:rPr lang="en-GB" dirty="0" err="1">
                <a:solidFill>
                  <a:srgbClr val="C00000"/>
                </a:solidFill>
                <a:ea typeface="Arial" charset="0"/>
                <a:cs typeface="Arial" charset="0"/>
              </a:rPr>
              <a:t>niet</a:t>
            </a:r>
            <a:r>
              <a:rPr lang="en-GB" dirty="0">
                <a:solidFill>
                  <a:srgbClr val="C00000"/>
                </a:solidFill>
                <a:ea typeface="Arial" charset="0"/>
                <a:cs typeface="Arial" charset="0"/>
              </a:rPr>
              <a:t> </a:t>
            </a:r>
            <a:r>
              <a:rPr lang="en-GB" dirty="0" err="1">
                <a:solidFill>
                  <a:srgbClr val="C00000"/>
                </a:solidFill>
                <a:ea typeface="Arial" charset="0"/>
                <a:cs typeface="Arial" charset="0"/>
              </a:rPr>
              <a:t>invasieve</a:t>
            </a:r>
            <a:r>
              <a:rPr lang="en-GB" dirty="0">
                <a:solidFill>
                  <a:srgbClr val="C00000"/>
                </a:solidFill>
                <a:ea typeface="Arial" charset="0"/>
                <a:cs typeface="Arial" charset="0"/>
              </a:rPr>
              <a:t> diagnose</a:t>
            </a:r>
            <a:r>
              <a:rPr lang="en-GB" dirty="0">
                <a:solidFill>
                  <a:srgbClr val="002060"/>
                </a:solidFill>
                <a:ea typeface="Arial" charset="0"/>
                <a:cs typeface="Arial" charset="0"/>
              </a:rPr>
              <a:t>)</a:t>
            </a:r>
          </a:p>
          <a:p>
            <a:pPr lvl="1">
              <a:spcBef>
                <a:spcPts val="300"/>
              </a:spcBef>
            </a:pPr>
            <a:r>
              <a:rPr lang="en-GB" i="0" dirty="0">
                <a:solidFill>
                  <a:srgbClr val="002060"/>
                </a:solidFill>
                <a:ea typeface="Arial" charset="0"/>
                <a:cs typeface="Arial" charset="0"/>
              </a:rPr>
              <a:t>Diagnose op </a:t>
            </a:r>
            <a:r>
              <a:rPr lang="en-GB" i="0" dirty="0" err="1">
                <a:solidFill>
                  <a:srgbClr val="002060"/>
                </a:solidFill>
                <a:ea typeface="Arial" charset="0"/>
                <a:cs typeface="Arial" charset="0"/>
              </a:rPr>
              <a:t>weefsel</a:t>
            </a:r>
            <a:r>
              <a:rPr lang="en-GB" i="0" dirty="0">
                <a:solidFill>
                  <a:srgbClr val="002060"/>
                </a:solidFill>
                <a:ea typeface="Arial" charset="0"/>
                <a:cs typeface="Arial" charset="0"/>
              </a:rPr>
              <a:t> (</a:t>
            </a:r>
            <a:r>
              <a:rPr lang="en-GB" i="0" dirty="0" err="1">
                <a:solidFill>
                  <a:srgbClr val="C00000"/>
                </a:solidFill>
                <a:ea typeface="Arial" charset="0"/>
                <a:cs typeface="Arial" charset="0"/>
              </a:rPr>
              <a:t>verbetering</a:t>
            </a:r>
            <a:r>
              <a:rPr lang="en-GB" i="0" dirty="0">
                <a:solidFill>
                  <a:srgbClr val="C00000"/>
                </a:solidFill>
                <a:ea typeface="Arial" charset="0"/>
                <a:cs typeface="Arial" charset="0"/>
              </a:rPr>
              <a:t>, </a:t>
            </a:r>
            <a:r>
              <a:rPr lang="en-GB" b="1" i="0" dirty="0" err="1">
                <a:solidFill>
                  <a:srgbClr val="C00000"/>
                </a:solidFill>
                <a:ea typeface="Arial" charset="0"/>
                <a:cs typeface="Arial" charset="0"/>
              </a:rPr>
              <a:t>tijden</a:t>
            </a:r>
            <a:r>
              <a:rPr lang="en-GB" b="1" dirty="0" err="1">
                <a:solidFill>
                  <a:srgbClr val="C00000"/>
                </a:solidFill>
                <a:ea typeface="Arial" charset="0"/>
                <a:cs typeface="Arial" charset="0"/>
              </a:rPr>
              <a:t>s</a:t>
            </a:r>
            <a:r>
              <a:rPr lang="en-GB" b="1" dirty="0">
                <a:solidFill>
                  <a:srgbClr val="C00000"/>
                </a:solidFill>
                <a:ea typeface="Arial" charset="0"/>
                <a:cs typeface="Arial" charset="0"/>
              </a:rPr>
              <a:t> de </a:t>
            </a:r>
            <a:r>
              <a:rPr lang="en-GB" b="1" dirty="0" err="1">
                <a:solidFill>
                  <a:srgbClr val="C00000"/>
                </a:solidFill>
                <a:ea typeface="Arial" charset="0"/>
                <a:cs typeface="Arial" charset="0"/>
              </a:rPr>
              <a:t>operatie</a:t>
            </a:r>
            <a:r>
              <a:rPr lang="en-GB" i="0" dirty="0">
                <a:solidFill>
                  <a:srgbClr val="002060"/>
                </a:solidFill>
                <a:ea typeface="Arial" charset="0"/>
                <a:cs typeface="Arial" charset="0"/>
              </a:rPr>
              <a:t>)</a:t>
            </a:r>
          </a:p>
          <a:p>
            <a:pPr lvl="1">
              <a:spcBef>
                <a:spcPts val="300"/>
              </a:spcBef>
            </a:pPr>
            <a:r>
              <a:rPr lang="en-GB" dirty="0">
                <a:solidFill>
                  <a:srgbClr val="002060"/>
                </a:solidFill>
                <a:ea typeface="Arial" charset="0"/>
                <a:cs typeface="Arial" charset="0"/>
              </a:rPr>
              <a:t>Diagnose </a:t>
            </a:r>
            <a:r>
              <a:rPr lang="en-GB" dirty="0" err="1">
                <a:solidFill>
                  <a:srgbClr val="002060"/>
                </a:solidFill>
                <a:ea typeface="Arial" charset="0"/>
                <a:cs typeface="Arial" charset="0"/>
              </a:rPr>
              <a:t>obv</a:t>
            </a:r>
            <a:r>
              <a:rPr lang="en-GB" dirty="0">
                <a:solidFill>
                  <a:srgbClr val="002060"/>
                </a:solidFill>
                <a:ea typeface="Arial" charset="0"/>
                <a:cs typeface="Arial" charset="0"/>
              </a:rPr>
              <a:t> </a:t>
            </a:r>
            <a:r>
              <a:rPr lang="en-GB" dirty="0" err="1">
                <a:solidFill>
                  <a:srgbClr val="002060"/>
                </a:solidFill>
                <a:ea typeface="Arial" charset="0"/>
                <a:cs typeface="Arial" charset="0"/>
              </a:rPr>
              <a:t>moleculaire</a:t>
            </a:r>
            <a:r>
              <a:rPr lang="en-GB" dirty="0">
                <a:solidFill>
                  <a:srgbClr val="002060"/>
                </a:solidFill>
                <a:ea typeface="Arial" charset="0"/>
                <a:cs typeface="Arial" charset="0"/>
              </a:rPr>
              <a:t> </a:t>
            </a:r>
            <a:r>
              <a:rPr lang="en-GB" dirty="0" err="1">
                <a:solidFill>
                  <a:srgbClr val="002060"/>
                </a:solidFill>
                <a:ea typeface="Arial" charset="0"/>
                <a:cs typeface="Arial" charset="0"/>
              </a:rPr>
              <a:t>technieken</a:t>
            </a:r>
            <a:r>
              <a:rPr lang="en-GB" dirty="0">
                <a:solidFill>
                  <a:srgbClr val="002060"/>
                </a:solidFill>
                <a:ea typeface="Arial" charset="0"/>
                <a:cs typeface="Arial" charset="0"/>
              </a:rPr>
              <a:t> (</a:t>
            </a:r>
            <a:r>
              <a:rPr lang="en-GB" dirty="0" err="1">
                <a:solidFill>
                  <a:srgbClr val="C00000"/>
                </a:solidFill>
                <a:ea typeface="Arial" charset="0"/>
                <a:cs typeface="Arial" charset="0"/>
              </a:rPr>
              <a:t>verbetering</a:t>
            </a:r>
            <a:r>
              <a:rPr lang="en-GB" dirty="0">
                <a:solidFill>
                  <a:srgbClr val="002060"/>
                </a:solidFill>
                <a:ea typeface="Arial" charset="0"/>
                <a:cs typeface="Arial" charset="0"/>
              </a:rPr>
              <a:t>)</a:t>
            </a:r>
          </a:p>
          <a:p>
            <a:pPr lvl="1"/>
            <a:endParaRPr lang="en-GB" i="0" dirty="0">
              <a:solidFill>
                <a:srgbClr val="002060"/>
              </a:solidFill>
              <a:ea typeface="Arial" charset="0"/>
              <a:cs typeface="Arial" charset="0"/>
            </a:endParaRPr>
          </a:p>
          <a:p>
            <a:pPr lvl="1"/>
            <a:endParaRPr lang="en-GB" dirty="0">
              <a:solidFill>
                <a:srgbClr val="002060"/>
              </a:solidFill>
              <a:ea typeface="Arial" charset="0"/>
              <a:cs typeface="Arial" charset="0"/>
            </a:endParaRPr>
          </a:p>
          <a:p>
            <a:pPr lvl="1"/>
            <a:endParaRPr lang="en-GB" i="0" dirty="0">
              <a:solidFill>
                <a:srgbClr val="002060"/>
              </a:solidFill>
              <a:ea typeface="Arial" charset="0"/>
              <a:cs typeface="Arial" charset="0"/>
            </a:endParaRPr>
          </a:p>
          <a:p>
            <a:pPr lvl="1"/>
            <a:endParaRPr lang="en-GB" dirty="0">
              <a:solidFill>
                <a:srgbClr val="002060"/>
              </a:solidFill>
              <a:ea typeface="Arial" charset="0"/>
              <a:cs typeface="Arial" charset="0"/>
            </a:endParaRPr>
          </a:p>
          <a:p>
            <a:pPr lvl="1"/>
            <a:endParaRPr lang="en-GB" i="0" dirty="0">
              <a:solidFill>
                <a:srgbClr val="002060"/>
              </a:solidFill>
              <a:ea typeface="Arial" charset="0"/>
              <a:cs typeface="Arial" charset="0"/>
            </a:endParaRPr>
          </a:p>
          <a:p>
            <a:pPr lvl="1"/>
            <a:endParaRPr lang="en-GB" i="0" dirty="0">
              <a:solidFill>
                <a:srgbClr val="002060"/>
              </a:solidFill>
              <a:ea typeface="Arial" charset="0"/>
              <a:cs typeface="Arial" charset="0"/>
            </a:endParaRPr>
          </a:p>
          <a:p>
            <a:endParaRPr lang="en-GB" dirty="0">
              <a:solidFill>
                <a:srgbClr val="002060"/>
              </a:solidFill>
              <a:ea typeface="Arial" charset="0"/>
              <a:cs typeface="Arial" charset="0"/>
            </a:endParaRPr>
          </a:p>
          <a:p>
            <a:pPr lvl="1"/>
            <a:endParaRPr lang="en-GB" i="0" dirty="0">
              <a:solidFill>
                <a:srgbClr val="002060"/>
              </a:solidFill>
              <a:ea typeface="Arial" charset="0"/>
              <a:cs typeface="Arial" charset="0"/>
            </a:endParaRPr>
          </a:p>
          <a:p>
            <a:pPr marL="914400" lvl="2" indent="0">
              <a:buNone/>
            </a:pPr>
            <a:endParaRPr lang="en-GB" sz="1400" b="1" i="0" dirty="0">
              <a:solidFill>
                <a:srgbClr val="002060"/>
              </a:solidFill>
              <a:ea typeface="Arial" charset="0"/>
              <a:cs typeface="Arial" charset="0"/>
            </a:endParaRPr>
          </a:p>
          <a:p>
            <a:endParaRPr lang="en-GB" dirty="0"/>
          </a:p>
        </p:txBody>
      </p:sp>
      <p:sp>
        <p:nvSpPr>
          <p:cNvPr id="4" name="Title 3">
            <a:extLst>
              <a:ext uri="{FF2B5EF4-FFF2-40B4-BE49-F238E27FC236}">
                <a16:creationId xmlns:a16="http://schemas.microsoft.com/office/drawing/2014/main" id="{3A7FC0FE-D434-4575-1D46-6D55107EABA1}"/>
              </a:ext>
            </a:extLst>
          </p:cNvPr>
          <p:cNvSpPr>
            <a:spLocks noGrp="1"/>
          </p:cNvSpPr>
          <p:nvPr>
            <p:ph type="title"/>
          </p:nvPr>
        </p:nvSpPr>
        <p:spPr/>
        <p:txBody>
          <a:bodyPr/>
          <a:lstStyle/>
          <a:p>
            <a:r>
              <a:rPr lang="en-US" dirty="0" err="1"/>
              <a:t>Waar</a:t>
            </a:r>
            <a:r>
              <a:rPr lang="en-US" dirty="0"/>
              <a:t> </a:t>
            </a:r>
            <a:r>
              <a:rPr lang="en-US" dirty="0" err="1"/>
              <a:t>gaan</a:t>
            </a:r>
            <a:r>
              <a:rPr lang="en-US" dirty="0"/>
              <a:t> we </a:t>
            </a:r>
            <a:r>
              <a:rPr lang="en-US" dirty="0" err="1"/>
              <a:t>naar</a:t>
            </a:r>
            <a:r>
              <a:rPr lang="en-US" dirty="0"/>
              <a:t> toe</a:t>
            </a:r>
            <a:endParaRPr lang="en-GB" dirty="0"/>
          </a:p>
        </p:txBody>
      </p:sp>
      <p:sp>
        <p:nvSpPr>
          <p:cNvPr id="5" name="Date Placeholder 4">
            <a:extLst>
              <a:ext uri="{FF2B5EF4-FFF2-40B4-BE49-F238E27FC236}">
                <a16:creationId xmlns:a16="http://schemas.microsoft.com/office/drawing/2014/main" id="{D9C1E84D-B4D4-5D25-EA2F-19D9F61FD548}"/>
              </a:ext>
            </a:extLst>
          </p:cNvPr>
          <p:cNvSpPr>
            <a:spLocks noGrp="1"/>
          </p:cNvSpPr>
          <p:nvPr>
            <p:ph type="dt" sz="half" idx="14"/>
          </p:nvPr>
        </p:nvSpPr>
        <p:spPr/>
        <p:txBody>
          <a:bodyPr/>
          <a:lstStyle/>
          <a:p>
            <a:fld id="{E02C8C58-7455-42B9-A9FD-EE48EC293C11}" type="datetime1">
              <a:rPr lang="en-GB" smtClean="0"/>
              <a:t>15/03/2025</a:t>
            </a:fld>
            <a:endParaRPr lang="en-GB"/>
          </a:p>
        </p:txBody>
      </p:sp>
      <p:sp>
        <p:nvSpPr>
          <p:cNvPr id="6" name="Footer Placeholder 5">
            <a:extLst>
              <a:ext uri="{FF2B5EF4-FFF2-40B4-BE49-F238E27FC236}">
                <a16:creationId xmlns:a16="http://schemas.microsoft.com/office/drawing/2014/main" id="{02CECA96-88A9-B895-83A1-D50244FD4B52}"/>
              </a:ext>
            </a:extLst>
          </p:cNvPr>
          <p:cNvSpPr>
            <a:spLocks noGrp="1"/>
          </p:cNvSpPr>
          <p:nvPr>
            <p:ph type="ftr" sz="quarter" idx="15"/>
          </p:nvPr>
        </p:nvSpPr>
        <p:spPr/>
        <p:txBody>
          <a:bodyPr/>
          <a:lstStyle/>
          <a:p>
            <a:endParaRPr lang="en-GB"/>
          </a:p>
        </p:txBody>
      </p:sp>
      <p:sp>
        <p:nvSpPr>
          <p:cNvPr id="7" name="Slide Number Placeholder 6">
            <a:extLst>
              <a:ext uri="{FF2B5EF4-FFF2-40B4-BE49-F238E27FC236}">
                <a16:creationId xmlns:a16="http://schemas.microsoft.com/office/drawing/2014/main" id="{513B54B9-C4B4-082D-376F-65122091A516}"/>
              </a:ext>
            </a:extLst>
          </p:cNvPr>
          <p:cNvSpPr>
            <a:spLocks noGrp="1"/>
          </p:cNvSpPr>
          <p:nvPr>
            <p:ph type="sldNum" sz="quarter" idx="16"/>
          </p:nvPr>
        </p:nvSpPr>
        <p:spPr/>
        <p:txBody>
          <a:bodyPr/>
          <a:lstStyle/>
          <a:p>
            <a:fld id="{83D1311D-0AF4-BF42-8BF9-EAD1FE65203C}" type="slidenum">
              <a:rPr lang="en-GB" smtClean="0"/>
              <a:pPr/>
              <a:t>19</a:t>
            </a:fld>
            <a:endParaRPr lang="en-GB"/>
          </a:p>
        </p:txBody>
      </p:sp>
      <p:pic>
        <p:nvPicPr>
          <p:cNvPr id="8" name="Picture 7">
            <a:extLst>
              <a:ext uri="{FF2B5EF4-FFF2-40B4-BE49-F238E27FC236}">
                <a16:creationId xmlns:a16="http://schemas.microsoft.com/office/drawing/2014/main" id="{BFFFC438-C9F5-FC79-E414-FFF696FF7EF2}"/>
              </a:ext>
            </a:extLst>
          </p:cNvPr>
          <p:cNvPicPr>
            <a:picLocks noChangeAspect="1"/>
          </p:cNvPicPr>
          <p:nvPr/>
        </p:nvPicPr>
        <p:blipFill>
          <a:blip r:embed="rId2"/>
          <a:stretch>
            <a:fillRect/>
          </a:stretch>
        </p:blipFill>
        <p:spPr>
          <a:xfrm flipH="1">
            <a:off x="903427" y="1197624"/>
            <a:ext cx="1513847" cy="914812"/>
          </a:xfrm>
          <a:prstGeom prst="rect">
            <a:avLst/>
          </a:prstGeom>
        </p:spPr>
      </p:pic>
      <p:pic>
        <p:nvPicPr>
          <p:cNvPr id="1026" name="Picture 2" descr="Matrix AI Review: Investigating The ...">
            <a:extLst>
              <a:ext uri="{FF2B5EF4-FFF2-40B4-BE49-F238E27FC236}">
                <a16:creationId xmlns:a16="http://schemas.microsoft.com/office/drawing/2014/main" id="{1FED2792-2504-AABB-023B-BC854034E9E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69232" y="2498355"/>
            <a:ext cx="1218286" cy="912539"/>
          </a:xfrm>
          <a:prstGeom prst="rect">
            <a:avLst/>
          </a:prstGeom>
          <a:noFill/>
          <a:extLst>
            <a:ext uri="{909E8E84-426E-40DD-AFC4-6F175D3DCCD1}">
              <a14:hiddenFill xmlns:a14="http://schemas.microsoft.com/office/drawing/2010/main">
                <a:solidFill>
                  <a:srgbClr val="FFFFFF"/>
                </a:solidFill>
              </a14:hiddenFill>
            </a:ext>
          </a:extLst>
        </p:spPr>
      </p:pic>
      <p:pic>
        <p:nvPicPr>
          <p:cNvPr id="9" name="Picture 8">
            <a:extLst>
              <a:ext uri="{FF2B5EF4-FFF2-40B4-BE49-F238E27FC236}">
                <a16:creationId xmlns:a16="http://schemas.microsoft.com/office/drawing/2014/main" id="{0EDD6E14-9758-F735-40DC-EFCAEDF58325}"/>
              </a:ext>
            </a:extLst>
          </p:cNvPr>
          <p:cNvPicPr>
            <a:picLocks noChangeAspect="1"/>
          </p:cNvPicPr>
          <p:nvPr/>
        </p:nvPicPr>
        <p:blipFill>
          <a:blip r:embed="rId4"/>
          <a:stretch>
            <a:fillRect/>
          </a:stretch>
        </p:blipFill>
        <p:spPr>
          <a:xfrm>
            <a:off x="957753" y="4107742"/>
            <a:ext cx="1168548" cy="1216665"/>
          </a:xfrm>
          <a:prstGeom prst="rect">
            <a:avLst/>
          </a:prstGeom>
        </p:spPr>
      </p:pic>
      <p:pic>
        <p:nvPicPr>
          <p:cNvPr id="1039" name="Picture 1038">
            <a:extLst>
              <a:ext uri="{FF2B5EF4-FFF2-40B4-BE49-F238E27FC236}">
                <a16:creationId xmlns:a16="http://schemas.microsoft.com/office/drawing/2014/main" id="{5A147A72-7804-0887-6B24-817AA6E1A8CD}"/>
              </a:ext>
            </a:extLst>
          </p:cNvPr>
          <p:cNvPicPr>
            <a:picLocks noChangeAspect="1"/>
          </p:cNvPicPr>
          <p:nvPr/>
        </p:nvPicPr>
        <p:blipFill>
          <a:blip r:embed="rId5"/>
          <a:stretch>
            <a:fillRect/>
          </a:stretch>
        </p:blipFill>
        <p:spPr>
          <a:xfrm>
            <a:off x="3310046" y="4107742"/>
            <a:ext cx="2599436" cy="1416359"/>
          </a:xfrm>
          <a:prstGeom prst="rect">
            <a:avLst/>
          </a:prstGeom>
        </p:spPr>
      </p:pic>
      <p:sp>
        <p:nvSpPr>
          <p:cNvPr id="1040" name="Oval 1039">
            <a:extLst>
              <a:ext uri="{FF2B5EF4-FFF2-40B4-BE49-F238E27FC236}">
                <a16:creationId xmlns:a16="http://schemas.microsoft.com/office/drawing/2014/main" id="{B6FB3855-C8EF-070C-3424-564E6C4317E3}"/>
              </a:ext>
            </a:extLst>
          </p:cNvPr>
          <p:cNvSpPr/>
          <p:nvPr/>
        </p:nvSpPr>
        <p:spPr>
          <a:xfrm>
            <a:off x="3730028" y="4227982"/>
            <a:ext cx="353085" cy="353085"/>
          </a:xfrm>
          <a:prstGeom prst="ellipse">
            <a:avLst/>
          </a:prstGeom>
          <a:no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41" name="Oval 1040">
            <a:extLst>
              <a:ext uri="{FF2B5EF4-FFF2-40B4-BE49-F238E27FC236}">
                <a16:creationId xmlns:a16="http://schemas.microsoft.com/office/drawing/2014/main" id="{90324C37-1717-2D63-3EDA-C1A5A7454B8F}"/>
              </a:ext>
            </a:extLst>
          </p:cNvPr>
          <p:cNvSpPr/>
          <p:nvPr/>
        </p:nvSpPr>
        <p:spPr>
          <a:xfrm>
            <a:off x="5383345" y="4581067"/>
            <a:ext cx="353085" cy="353085"/>
          </a:xfrm>
          <a:prstGeom prst="ellipse">
            <a:avLst/>
          </a:prstGeom>
          <a:noFill/>
          <a:ln w="28575">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cxnSp>
        <p:nvCxnSpPr>
          <p:cNvPr id="1043" name="Straight Arrow Connector 1042">
            <a:extLst>
              <a:ext uri="{FF2B5EF4-FFF2-40B4-BE49-F238E27FC236}">
                <a16:creationId xmlns:a16="http://schemas.microsoft.com/office/drawing/2014/main" id="{0F9B0458-27C7-F575-2AB5-04BC0B7E4560}"/>
              </a:ext>
            </a:extLst>
          </p:cNvPr>
          <p:cNvCxnSpPr>
            <a:stCxn id="1040" idx="6"/>
          </p:cNvCxnSpPr>
          <p:nvPr/>
        </p:nvCxnSpPr>
        <p:spPr>
          <a:xfrm flipV="1">
            <a:off x="4083113" y="4404524"/>
            <a:ext cx="2858386" cy="1"/>
          </a:xfrm>
          <a:prstGeom prst="straightConnector1">
            <a:avLst/>
          </a:prstGeom>
          <a:ln w="1905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1045" name="Straight Arrow Connector 1044">
            <a:extLst>
              <a:ext uri="{FF2B5EF4-FFF2-40B4-BE49-F238E27FC236}">
                <a16:creationId xmlns:a16="http://schemas.microsoft.com/office/drawing/2014/main" id="{D78443DB-51B8-C5C2-1F5D-897BF0FE1BD1}"/>
              </a:ext>
            </a:extLst>
          </p:cNvPr>
          <p:cNvCxnSpPr>
            <a:cxnSpLocks/>
          </p:cNvCxnSpPr>
          <p:nvPr/>
        </p:nvCxnSpPr>
        <p:spPr>
          <a:xfrm>
            <a:off x="5736430" y="4732601"/>
            <a:ext cx="1205069" cy="0"/>
          </a:xfrm>
          <a:prstGeom prst="straightConnector1">
            <a:avLst/>
          </a:prstGeom>
          <a:ln w="19050">
            <a:solidFill>
              <a:srgbClr val="FF0000"/>
            </a:solidFill>
            <a:tailEnd type="triangle"/>
          </a:ln>
        </p:spPr>
        <p:style>
          <a:lnRef idx="1">
            <a:schemeClr val="accent1"/>
          </a:lnRef>
          <a:fillRef idx="0">
            <a:schemeClr val="accent1"/>
          </a:fillRef>
          <a:effectRef idx="0">
            <a:schemeClr val="accent1"/>
          </a:effectRef>
          <a:fontRef idx="minor">
            <a:schemeClr val="tx1"/>
          </a:fontRef>
        </p:style>
      </p:cxnSp>
      <p:sp>
        <p:nvSpPr>
          <p:cNvPr id="1050" name="TextBox 1049">
            <a:extLst>
              <a:ext uri="{FF2B5EF4-FFF2-40B4-BE49-F238E27FC236}">
                <a16:creationId xmlns:a16="http://schemas.microsoft.com/office/drawing/2014/main" id="{4C2E25C3-09C9-191C-97AE-D6A0FCF356E3}"/>
              </a:ext>
            </a:extLst>
          </p:cNvPr>
          <p:cNvSpPr txBox="1"/>
          <p:nvPr/>
        </p:nvSpPr>
        <p:spPr>
          <a:xfrm>
            <a:off x="6512472" y="4223274"/>
            <a:ext cx="5027211" cy="307777"/>
          </a:xfrm>
          <a:prstGeom prst="rect">
            <a:avLst/>
          </a:prstGeom>
          <a:noFill/>
        </p:spPr>
        <p:txBody>
          <a:bodyPr wrap="square">
            <a:spAutoFit/>
          </a:bodyPr>
          <a:lstStyle/>
          <a:p>
            <a:pPr lvl="1"/>
            <a:r>
              <a:rPr lang="en-GB" sz="1400" dirty="0">
                <a:solidFill>
                  <a:srgbClr val="002060"/>
                </a:solidFill>
                <a:latin typeface="+mn-lt"/>
                <a:ea typeface="Arial" charset="0"/>
                <a:cs typeface="Arial" charset="0"/>
              </a:rPr>
              <a:t>Wie </a:t>
            </a:r>
            <a:r>
              <a:rPr lang="en-GB" sz="1400" dirty="0" err="1">
                <a:solidFill>
                  <a:srgbClr val="002060"/>
                </a:solidFill>
                <a:latin typeface="+mn-lt"/>
                <a:ea typeface="Arial" charset="0"/>
                <a:cs typeface="Arial" charset="0"/>
              </a:rPr>
              <a:t>reageert</a:t>
            </a:r>
            <a:r>
              <a:rPr lang="en-GB" sz="1400" dirty="0">
                <a:solidFill>
                  <a:srgbClr val="002060"/>
                </a:solidFill>
                <a:latin typeface="+mn-lt"/>
                <a:ea typeface="Arial" charset="0"/>
                <a:cs typeface="Arial" charset="0"/>
              </a:rPr>
              <a:t> (</a:t>
            </a:r>
            <a:r>
              <a:rPr lang="en-GB" sz="1400" dirty="0" err="1">
                <a:solidFill>
                  <a:srgbClr val="002060"/>
                </a:solidFill>
                <a:latin typeface="+mn-lt"/>
                <a:ea typeface="Arial" charset="0"/>
                <a:cs typeface="Arial" charset="0"/>
              </a:rPr>
              <a:t>niet</a:t>
            </a:r>
            <a:r>
              <a:rPr lang="en-GB" sz="1400" dirty="0">
                <a:solidFill>
                  <a:srgbClr val="002060"/>
                </a:solidFill>
                <a:latin typeface="+mn-lt"/>
                <a:ea typeface="Arial" charset="0"/>
                <a:cs typeface="Arial" charset="0"/>
              </a:rPr>
              <a:t>) op de </a:t>
            </a:r>
            <a:r>
              <a:rPr lang="en-GB" sz="1400" dirty="0" err="1">
                <a:solidFill>
                  <a:srgbClr val="002060"/>
                </a:solidFill>
                <a:latin typeface="+mn-lt"/>
                <a:ea typeface="Arial" charset="0"/>
                <a:cs typeface="Arial" charset="0"/>
              </a:rPr>
              <a:t>behandeling</a:t>
            </a:r>
            <a:endParaRPr lang="en-GB" sz="1400" i="0" dirty="0">
              <a:solidFill>
                <a:srgbClr val="002060"/>
              </a:solidFill>
              <a:latin typeface="+mn-lt"/>
              <a:ea typeface="Arial" charset="0"/>
              <a:cs typeface="Arial" charset="0"/>
            </a:endParaRPr>
          </a:p>
        </p:txBody>
      </p:sp>
      <p:sp>
        <p:nvSpPr>
          <p:cNvPr id="1051" name="TextBox 1050">
            <a:extLst>
              <a:ext uri="{FF2B5EF4-FFF2-40B4-BE49-F238E27FC236}">
                <a16:creationId xmlns:a16="http://schemas.microsoft.com/office/drawing/2014/main" id="{1BF7786A-5D24-9EBF-0C27-55204C4F364F}"/>
              </a:ext>
            </a:extLst>
          </p:cNvPr>
          <p:cNvSpPr txBox="1"/>
          <p:nvPr/>
        </p:nvSpPr>
        <p:spPr>
          <a:xfrm>
            <a:off x="6512473" y="4563221"/>
            <a:ext cx="4759128" cy="307777"/>
          </a:xfrm>
          <a:prstGeom prst="rect">
            <a:avLst/>
          </a:prstGeom>
          <a:noFill/>
        </p:spPr>
        <p:txBody>
          <a:bodyPr wrap="square">
            <a:spAutoFit/>
          </a:bodyPr>
          <a:lstStyle/>
          <a:p>
            <a:pPr lvl="1"/>
            <a:r>
              <a:rPr lang="en-GB" sz="1400" dirty="0">
                <a:solidFill>
                  <a:srgbClr val="002060"/>
                </a:solidFill>
                <a:latin typeface="+mn-lt"/>
                <a:ea typeface="Arial" charset="0"/>
                <a:cs typeface="Arial" charset="0"/>
              </a:rPr>
              <a:t>Hoe </a:t>
            </a:r>
            <a:r>
              <a:rPr lang="en-GB" sz="1400" dirty="0" err="1">
                <a:solidFill>
                  <a:srgbClr val="002060"/>
                </a:solidFill>
                <a:latin typeface="+mn-lt"/>
                <a:ea typeface="Arial" charset="0"/>
                <a:cs typeface="Arial" charset="0"/>
              </a:rPr>
              <a:t>ontstaat</a:t>
            </a:r>
            <a:r>
              <a:rPr lang="en-GB" sz="1400" dirty="0">
                <a:solidFill>
                  <a:srgbClr val="002060"/>
                </a:solidFill>
                <a:latin typeface="+mn-lt"/>
                <a:ea typeface="Arial" charset="0"/>
                <a:cs typeface="Arial" charset="0"/>
              </a:rPr>
              <a:t> </a:t>
            </a:r>
            <a:r>
              <a:rPr lang="en-GB" sz="1400" dirty="0" err="1">
                <a:solidFill>
                  <a:srgbClr val="002060"/>
                </a:solidFill>
                <a:latin typeface="+mn-lt"/>
                <a:ea typeface="Arial" charset="0"/>
                <a:cs typeface="Arial" charset="0"/>
              </a:rPr>
              <a:t>resistentie</a:t>
            </a:r>
            <a:r>
              <a:rPr lang="en-GB" sz="1400" dirty="0">
                <a:solidFill>
                  <a:srgbClr val="002060"/>
                </a:solidFill>
                <a:latin typeface="+mn-lt"/>
                <a:ea typeface="Arial" charset="0"/>
                <a:cs typeface="Arial" charset="0"/>
              </a:rPr>
              <a:t> (</a:t>
            </a:r>
            <a:r>
              <a:rPr lang="en-GB" sz="1400" dirty="0" err="1">
                <a:solidFill>
                  <a:srgbClr val="002060"/>
                </a:solidFill>
                <a:latin typeface="+mn-lt"/>
                <a:ea typeface="Arial" charset="0"/>
                <a:cs typeface="Arial" charset="0"/>
              </a:rPr>
              <a:t>ook</a:t>
            </a:r>
            <a:r>
              <a:rPr lang="en-GB" sz="1400" dirty="0">
                <a:solidFill>
                  <a:srgbClr val="002060"/>
                </a:solidFill>
                <a:latin typeface="+mn-lt"/>
                <a:ea typeface="Arial" charset="0"/>
                <a:cs typeface="Arial" charset="0"/>
              </a:rPr>
              <a:t> RT/Chemo)</a:t>
            </a:r>
            <a:endParaRPr lang="en-GB" sz="1400" i="0" dirty="0">
              <a:solidFill>
                <a:srgbClr val="002060"/>
              </a:solidFill>
              <a:latin typeface="+mn-lt"/>
              <a:ea typeface="Arial" charset="0"/>
              <a:cs typeface="Arial" charset="0"/>
            </a:endParaRPr>
          </a:p>
        </p:txBody>
      </p:sp>
      <p:cxnSp>
        <p:nvCxnSpPr>
          <p:cNvPr id="1056" name="Connector: Elbow 1055">
            <a:extLst>
              <a:ext uri="{FF2B5EF4-FFF2-40B4-BE49-F238E27FC236}">
                <a16:creationId xmlns:a16="http://schemas.microsoft.com/office/drawing/2014/main" id="{330F2C65-3337-8FA1-2746-383110BE547A}"/>
              </a:ext>
            </a:extLst>
          </p:cNvPr>
          <p:cNvCxnSpPr>
            <a:cxnSpLocks/>
          </p:cNvCxnSpPr>
          <p:nvPr/>
        </p:nvCxnSpPr>
        <p:spPr>
          <a:xfrm rot="5400000" flipH="1" flipV="1">
            <a:off x="7866712" y="2146424"/>
            <a:ext cx="1450058" cy="742383"/>
          </a:xfrm>
          <a:prstGeom prst="bentConnector3">
            <a:avLst>
              <a:gd name="adj1" fmla="val -573"/>
            </a:avLst>
          </a:prstGeom>
          <a:ln w="19050">
            <a:solidFill>
              <a:srgbClr val="FF0000"/>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73764606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
                                        </p:tgtEl>
                                        <p:attrNameLst>
                                          <p:attrName>style.visibility</p:attrName>
                                        </p:attrNameLst>
                                      </p:cBhvr>
                                      <p:to>
                                        <p:strVal val="visible"/>
                                      </p:to>
                                    </p:set>
                                  </p:childTnLst>
                                </p:cTn>
                              </p:par>
                            </p:childTnLst>
                          </p:cTn>
                        </p:par>
                        <p:par>
                          <p:cTn id="7" fill="hold">
                            <p:stCondLst>
                              <p:cond delay="0"/>
                            </p:stCondLst>
                            <p:childTnLst>
                              <p:par>
                                <p:cTn id="8" presetID="10" presetClass="entr" presetSubtype="0" fill="hold" nodeType="afterEffect">
                                  <p:stCondLst>
                                    <p:cond delay="500"/>
                                  </p:stCondLst>
                                  <p:childTnLst>
                                    <p:set>
                                      <p:cBhvr>
                                        <p:cTn id="9" dur="1" fill="hold">
                                          <p:stCondLst>
                                            <p:cond delay="0"/>
                                          </p:stCondLst>
                                        </p:cTn>
                                        <p:tgtEl>
                                          <p:spTgt spid="3">
                                            <p:txEl>
                                              <p:pRg st="0" end="0"/>
                                            </p:txEl>
                                          </p:spTgt>
                                        </p:tgtEl>
                                        <p:attrNameLst>
                                          <p:attrName>style.visibility</p:attrName>
                                        </p:attrNameLst>
                                      </p:cBhvr>
                                      <p:to>
                                        <p:strVal val="visible"/>
                                      </p:to>
                                    </p:set>
                                    <p:animEffect transition="in" filter="fade">
                                      <p:cBhvr>
                                        <p:cTn id="10" dur="500"/>
                                        <p:tgtEl>
                                          <p:spTgt spid="3">
                                            <p:txEl>
                                              <p:pRg st="0" end="0"/>
                                            </p:txEl>
                                          </p:spTgt>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nodeType="clickEffect">
                                  <p:stCondLst>
                                    <p:cond delay="0"/>
                                  </p:stCondLst>
                                  <p:childTnLst>
                                    <p:set>
                                      <p:cBhvr>
                                        <p:cTn id="14" dur="1" fill="hold">
                                          <p:stCondLst>
                                            <p:cond delay="0"/>
                                          </p:stCondLst>
                                        </p:cTn>
                                        <p:tgtEl>
                                          <p:spTgt spid="1026"/>
                                        </p:tgtEl>
                                        <p:attrNameLst>
                                          <p:attrName>style.visibility</p:attrName>
                                        </p:attrNameLst>
                                      </p:cBhvr>
                                      <p:to>
                                        <p:strVal val="visible"/>
                                      </p:to>
                                    </p:set>
                                    <p:animEffect transition="in" filter="fade">
                                      <p:cBhvr>
                                        <p:cTn id="15" dur="500"/>
                                        <p:tgtEl>
                                          <p:spTgt spid="1026"/>
                                        </p:tgtEl>
                                      </p:cBhvr>
                                    </p:animEffect>
                                  </p:childTnLst>
                                </p:cTn>
                              </p:par>
                            </p:childTnLst>
                          </p:cTn>
                        </p:par>
                        <p:par>
                          <p:cTn id="16" fill="hold">
                            <p:stCondLst>
                              <p:cond delay="500"/>
                            </p:stCondLst>
                            <p:childTnLst>
                              <p:par>
                                <p:cTn id="17" presetID="10" presetClass="entr" presetSubtype="0" fill="hold" nodeType="afterEffect">
                                  <p:stCondLst>
                                    <p:cond delay="500"/>
                                  </p:stCondLst>
                                  <p:iterate type="wd">
                                    <p:tmPct val="10000"/>
                                  </p:iterate>
                                  <p:childTnLst>
                                    <p:set>
                                      <p:cBhvr>
                                        <p:cTn id="18" dur="1" fill="hold">
                                          <p:stCondLst>
                                            <p:cond delay="0"/>
                                          </p:stCondLst>
                                        </p:cTn>
                                        <p:tgtEl>
                                          <p:spTgt spid="3">
                                            <p:txEl>
                                              <p:pRg st="3" end="3"/>
                                            </p:txEl>
                                          </p:spTgt>
                                        </p:tgtEl>
                                        <p:attrNameLst>
                                          <p:attrName>style.visibility</p:attrName>
                                        </p:attrNameLst>
                                      </p:cBhvr>
                                      <p:to>
                                        <p:strVal val="visible"/>
                                      </p:to>
                                    </p:set>
                                    <p:animEffect transition="in" filter="fade">
                                      <p:cBhvr>
                                        <p:cTn id="19" dur="500"/>
                                        <p:tgtEl>
                                          <p:spTgt spid="3">
                                            <p:txEl>
                                              <p:pRg st="3" end="3"/>
                                            </p:txEl>
                                          </p:spTgt>
                                        </p:tgtEl>
                                      </p:cBhvr>
                                    </p:animEffect>
                                  </p:childTnLst>
                                </p:cTn>
                              </p:par>
                            </p:childTnLst>
                          </p:cTn>
                        </p:par>
                        <p:par>
                          <p:cTn id="20" fill="hold">
                            <p:stCondLst>
                              <p:cond delay="1550"/>
                            </p:stCondLst>
                            <p:childTnLst>
                              <p:par>
                                <p:cTn id="21" presetID="10" presetClass="entr" presetSubtype="0" fill="hold" nodeType="afterEffect">
                                  <p:stCondLst>
                                    <p:cond delay="0"/>
                                  </p:stCondLst>
                                  <p:iterate type="wd">
                                    <p:tmPct val="10000"/>
                                  </p:iterate>
                                  <p:childTnLst>
                                    <p:set>
                                      <p:cBhvr>
                                        <p:cTn id="22" dur="1" fill="hold">
                                          <p:stCondLst>
                                            <p:cond delay="0"/>
                                          </p:stCondLst>
                                        </p:cTn>
                                        <p:tgtEl>
                                          <p:spTgt spid="3">
                                            <p:txEl>
                                              <p:pRg st="4" end="4"/>
                                            </p:txEl>
                                          </p:spTgt>
                                        </p:tgtEl>
                                        <p:attrNameLst>
                                          <p:attrName>style.visibility</p:attrName>
                                        </p:attrNameLst>
                                      </p:cBhvr>
                                      <p:to>
                                        <p:strVal val="visible"/>
                                      </p:to>
                                    </p:set>
                                    <p:animEffect transition="in" filter="fade">
                                      <p:cBhvr>
                                        <p:cTn id="23" dur="500"/>
                                        <p:tgtEl>
                                          <p:spTgt spid="3">
                                            <p:txEl>
                                              <p:pRg st="4" end="4"/>
                                            </p:txEl>
                                          </p:spTgt>
                                        </p:tgtEl>
                                      </p:cBhvr>
                                    </p:animEffect>
                                  </p:childTnLst>
                                </p:cTn>
                              </p:par>
                            </p:childTnLst>
                          </p:cTn>
                        </p:par>
                        <p:par>
                          <p:cTn id="24" fill="hold">
                            <p:stCondLst>
                              <p:cond delay="2550"/>
                            </p:stCondLst>
                            <p:childTnLst>
                              <p:par>
                                <p:cTn id="25" presetID="10" presetClass="entr" presetSubtype="0" fill="hold" nodeType="afterEffect">
                                  <p:stCondLst>
                                    <p:cond delay="0"/>
                                  </p:stCondLst>
                                  <p:iterate type="wd">
                                    <p:tmPct val="10000"/>
                                  </p:iterate>
                                  <p:childTnLst>
                                    <p:set>
                                      <p:cBhvr>
                                        <p:cTn id="26" dur="1" fill="hold">
                                          <p:stCondLst>
                                            <p:cond delay="0"/>
                                          </p:stCondLst>
                                        </p:cTn>
                                        <p:tgtEl>
                                          <p:spTgt spid="3">
                                            <p:txEl>
                                              <p:pRg st="5" end="5"/>
                                            </p:txEl>
                                          </p:spTgt>
                                        </p:tgtEl>
                                        <p:attrNameLst>
                                          <p:attrName>style.visibility</p:attrName>
                                        </p:attrNameLst>
                                      </p:cBhvr>
                                      <p:to>
                                        <p:strVal val="visible"/>
                                      </p:to>
                                    </p:set>
                                    <p:animEffect transition="in" filter="fade">
                                      <p:cBhvr>
                                        <p:cTn id="27" dur="500"/>
                                        <p:tgtEl>
                                          <p:spTgt spid="3">
                                            <p:txEl>
                                              <p:pRg st="5" end="5"/>
                                            </p:txEl>
                                          </p:spTgt>
                                        </p:tgtEl>
                                      </p:cBhvr>
                                    </p:animEffect>
                                  </p:childTnLst>
                                </p:cTn>
                              </p:par>
                            </p:childTnLst>
                          </p:cTn>
                        </p:par>
                        <p:par>
                          <p:cTn id="28" fill="hold">
                            <p:stCondLst>
                              <p:cond delay="3500"/>
                            </p:stCondLst>
                            <p:childTnLst>
                              <p:par>
                                <p:cTn id="29" presetID="10" presetClass="entr" presetSubtype="0" fill="hold" nodeType="afterEffect">
                                  <p:stCondLst>
                                    <p:cond delay="0"/>
                                  </p:stCondLst>
                                  <p:iterate type="wd">
                                    <p:tmPct val="10000"/>
                                  </p:iterate>
                                  <p:childTnLst>
                                    <p:set>
                                      <p:cBhvr>
                                        <p:cTn id="30" dur="1" fill="hold">
                                          <p:stCondLst>
                                            <p:cond delay="0"/>
                                          </p:stCondLst>
                                        </p:cTn>
                                        <p:tgtEl>
                                          <p:spTgt spid="3">
                                            <p:txEl>
                                              <p:pRg st="6" end="6"/>
                                            </p:txEl>
                                          </p:spTgt>
                                        </p:tgtEl>
                                        <p:attrNameLst>
                                          <p:attrName>style.visibility</p:attrName>
                                        </p:attrNameLst>
                                      </p:cBhvr>
                                      <p:to>
                                        <p:strVal val="visible"/>
                                      </p:to>
                                    </p:set>
                                    <p:animEffect transition="in" filter="fade">
                                      <p:cBhvr>
                                        <p:cTn id="31" dur="500"/>
                                        <p:tgtEl>
                                          <p:spTgt spid="3">
                                            <p:txEl>
                                              <p:pRg st="6" end="6"/>
                                            </p:txEl>
                                          </p:spTgt>
                                        </p:tgtEl>
                                      </p:cBhvr>
                                    </p:animEffect>
                                  </p:childTnLst>
                                </p:cTn>
                              </p:par>
                            </p:childTnLst>
                          </p:cTn>
                        </p:par>
                        <p:par>
                          <p:cTn id="32" fill="hold">
                            <p:stCondLst>
                              <p:cond delay="4450"/>
                            </p:stCondLst>
                            <p:childTnLst>
                              <p:par>
                                <p:cTn id="33" presetID="10" presetClass="entr" presetSubtype="0" fill="hold" nodeType="afterEffect">
                                  <p:stCondLst>
                                    <p:cond delay="0"/>
                                  </p:stCondLst>
                                  <p:iterate type="wd">
                                    <p:tmPct val="10000"/>
                                  </p:iterate>
                                  <p:childTnLst>
                                    <p:set>
                                      <p:cBhvr>
                                        <p:cTn id="34" dur="1" fill="hold">
                                          <p:stCondLst>
                                            <p:cond delay="0"/>
                                          </p:stCondLst>
                                        </p:cTn>
                                        <p:tgtEl>
                                          <p:spTgt spid="3">
                                            <p:txEl>
                                              <p:pRg st="7" end="7"/>
                                            </p:txEl>
                                          </p:spTgt>
                                        </p:tgtEl>
                                        <p:attrNameLst>
                                          <p:attrName>style.visibility</p:attrName>
                                        </p:attrNameLst>
                                      </p:cBhvr>
                                      <p:to>
                                        <p:strVal val="visible"/>
                                      </p:to>
                                    </p:set>
                                    <p:animEffect transition="in" filter="fade">
                                      <p:cBhvr>
                                        <p:cTn id="35" dur="500"/>
                                        <p:tgtEl>
                                          <p:spTgt spid="3">
                                            <p:txEl>
                                              <p:pRg st="7" end="7"/>
                                            </p:txEl>
                                          </p:spTgt>
                                        </p:tgtEl>
                                      </p:cBhvr>
                                    </p:animEffect>
                                  </p:childTnLst>
                                </p:cTn>
                              </p:par>
                            </p:childTnLst>
                          </p:cTn>
                        </p:par>
                        <p:par>
                          <p:cTn id="36" fill="hold">
                            <p:stCondLst>
                              <p:cond delay="5250"/>
                            </p:stCondLst>
                            <p:childTnLst>
                              <p:par>
                                <p:cTn id="37" presetID="10" presetClass="entr" presetSubtype="0" fill="hold" nodeType="afterEffect">
                                  <p:stCondLst>
                                    <p:cond delay="500"/>
                                  </p:stCondLst>
                                  <p:childTnLst>
                                    <p:set>
                                      <p:cBhvr>
                                        <p:cTn id="38" dur="1" fill="hold">
                                          <p:stCondLst>
                                            <p:cond delay="0"/>
                                          </p:stCondLst>
                                        </p:cTn>
                                        <p:tgtEl>
                                          <p:spTgt spid="1056"/>
                                        </p:tgtEl>
                                        <p:attrNameLst>
                                          <p:attrName>style.visibility</p:attrName>
                                        </p:attrNameLst>
                                      </p:cBhvr>
                                      <p:to>
                                        <p:strVal val="visible"/>
                                      </p:to>
                                    </p:set>
                                    <p:animEffect transition="in" filter="fade">
                                      <p:cBhvr>
                                        <p:cTn id="39" dur="500"/>
                                        <p:tgtEl>
                                          <p:spTgt spid="1056"/>
                                        </p:tgtEl>
                                      </p:cBhvr>
                                    </p:animEffect>
                                  </p:childTnLst>
                                </p:cTn>
                              </p:par>
                            </p:childTnLst>
                          </p:cTn>
                        </p:par>
                      </p:childTnLst>
                    </p:cTn>
                  </p:par>
                  <p:par>
                    <p:cTn id="40" fill="hold">
                      <p:stCondLst>
                        <p:cond delay="indefinite"/>
                      </p:stCondLst>
                      <p:childTnLst>
                        <p:par>
                          <p:cTn id="41" fill="hold">
                            <p:stCondLst>
                              <p:cond delay="0"/>
                            </p:stCondLst>
                            <p:childTnLst>
                              <p:par>
                                <p:cTn id="42" presetID="1" presetClass="entr" presetSubtype="0" fill="hold" nodeType="clickEffect">
                                  <p:stCondLst>
                                    <p:cond delay="0"/>
                                  </p:stCondLst>
                                  <p:childTnLst>
                                    <p:set>
                                      <p:cBhvr>
                                        <p:cTn id="43" dur="1" fill="hold">
                                          <p:stCondLst>
                                            <p:cond delay="0"/>
                                          </p:stCondLst>
                                        </p:cTn>
                                        <p:tgtEl>
                                          <p:spTgt spid="9"/>
                                        </p:tgtEl>
                                        <p:attrNameLst>
                                          <p:attrName>style.visibility</p:attrName>
                                        </p:attrNameLst>
                                      </p:cBhvr>
                                      <p:to>
                                        <p:strVal val="visible"/>
                                      </p:to>
                                    </p:set>
                                  </p:childTnLst>
                                </p:cTn>
                              </p:par>
                            </p:childTnLst>
                          </p:cTn>
                        </p:par>
                        <p:par>
                          <p:cTn id="44" fill="hold">
                            <p:stCondLst>
                              <p:cond delay="0"/>
                            </p:stCondLst>
                            <p:childTnLst>
                              <p:par>
                                <p:cTn id="45" presetID="1" presetClass="entr" presetSubtype="0" fill="hold" nodeType="afterEffect">
                                  <p:stCondLst>
                                    <p:cond delay="500"/>
                                  </p:stCondLst>
                                  <p:childTnLst>
                                    <p:set>
                                      <p:cBhvr>
                                        <p:cTn id="46" dur="1" fill="hold">
                                          <p:stCondLst>
                                            <p:cond delay="0"/>
                                          </p:stCondLst>
                                        </p:cTn>
                                        <p:tgtEl>
                                          <p:spTgt spid="1039"/>
                                        </p:tgtEl>
                                        <p:attrNameLst>
                                          <p:attrName>style.visibility</p:attrName>
                                        </p:attrNameLst>
                                      </p:cBhvr>
                                      <p:to>
                                        <p:strVal val="visible"/>
                                      </p:to>
                                    </p:set>
                                  </p:childTnLst>
                                </p:cTn>
                              </p:par>
                            </p:childTnLst>
                          </p:cTn>
                        </p:par>
                        <p:par>
                          <p:cTn id="47" fill="hold">
                            <p:stCondLst>
                              <p:cond delay="500"/>
                            </p:stCondLst>
                            <p:childTnLst>
                              <p:par>
                                <p:cTn id="48" presetID="10" presetClass="entr" presetSubtype="0" fill="hold" grpId="0" nodeType="afterEffect">
                                  <p:stCondLst>
                                    <p:cond delay="500"/>
                                  </p:stCondLst>
                                  <p:childTnLst>
                                    <p:set>
                                      <p:cBhvr>
                                        <p:cTn id="49" dur="1" fill="hold">
                                          <p:stCondLst>
                                            <p:cond delay="0"/>
                                          </p:stCondLst>
                                        </p:cTn>
                                        <p:tgtEl>
                                          <p:spTgt spid="1040"/>
                                        </p:tgtEl>
                                        <p:attrNameLst>
                                          <p:attrName>style.visibility</p:attrName>
                                        </p:attrNameLst>
                                      </p:cBhvr>
                                      <p:to>
                                        <p:strVal val="visible"/>
                                      </p:to>
                                    </p:set>
                                    <p:animEffect transition="in" filter="fade">
                                      <p:cBhvr>
                                        <p:cTn id="50" dur="500"/>
                                        <p:tgtEl>
                                          <p:spTgt spid="1040"/>
                                        </p:tgtEl>
                                      </p:cBhvr>
                                    </p:animEffect>
                                  </p:childTnLst>
                                </p:cTn>
                              </p:par>
                            </p:childTnLst>
                          </p:cTn>
                        </p:par>
                        <p:par>
                          <p:cTn id="51" fill="hold">
                            <p:stCondLst>
                              <p:cond delay="1500"/>
                            </p:stCondLst>
                            <p:childTnLst>
                              <p:par>
                                <p:cTn id="52" presetID="10" presetClass="entr" presetSubtype="0" fill="hold" nodeType="afterEffect">
                                  <p:stCondLst>
                                    <p:cond delay="0"/>
                                  </p:stCondLst>
                                  <p:childTnLst>
                                    <p:set>
                                      <p:cBhvr>
                                        <p:cTn id="53" dur="1" fill="hold">
                                          <p:stCondLst>
                                            <p:cond delay="0"/>
                                          </p:stCondLst>
                                        </p:cTn>
                                        <p:tgtEl>
                                          <p:spTgt spid="1043"/>
                                        </p:tgtEl>
                                        <p:attrNameLst>
                                          <p:attrName>style.visibility</p:attrName>
                                        </p:attrNameLst>
                                      </p:cBhvr>
                                      <p:to>
                                        <p:strVal val="visible"/>
                                      </p:to>
                                    </p:set>
                                    <p:animEffect transition="in" filter="fade">
                                      <p:cBhvr>
                                        <p:cTn id="54" dur="500"/>
                                        <p:tgtEl>
                                          <p:spTgt spid="1043"/>
                                        </p:tgtEl>
                                      </p:cBhvr>
                                    </p:animEffect>
                                  </p:childTnLst>
                                </p:cTn>
                              </p:par>
                            </p:childTnLst>
                          </p:cTn>
                        </p:par>
                        <p:par>
                          <p:cTn id="55" fill="hold">
                            <p:stCondLst>
                              <p:cond delay="2000"/>
                            </p:stCondLst>
                            <p:childTnLst>
                              <p:par>
                                <p:cTn id="56" presetID="10" presetClass="entr" presetSubtype="0" fill="hold" grpId="0" nodeType="afterEffect">
                                  <p:stCondLst>
                                    <p:cond delay="0"/>
                                  </p:stCondLst>
                                  <p:childTnLst>
                                    <p:set>
                                      <p:cBhvr>
                                        <p:cTn id="57" dur="1" fill="hold">
                                          <p:stCondLst>
                                            <p:cond delay="0"/>
                                          </p:stCondLst>
                                        </p:cTn>
                                        <p:tgtEl>
                                          <p:spTgt spid="1050"/>
                                        </p:tgtEl>
                                        <p:attrNameLst>
                                          <p:attrName>style.visibility</p:attrName>
                                        </p:attrNameLst>
                                      </p:cBhvr>
                                      <p:to>
                                        <p:strVal val="visible"/>
                                      </p:to>
                                    </p:set>
                                    <p:animEffect transition="in" filter="fade">
                                      <p:cBhvr>
                                        <p:cTn id="58" dur="500"/>
                                        <p:tgtEl>
                                          <p:spTgt spid="1050"/>
                                        </p:tgtEl>
                                      </p:cBhvr>
                                    </p:animEffect>
                                  </p:childTnLst>
                                </p:cTn>
                              </p:par>
                            </p:childTnLst>
                          </p:cTn>
                        </p:par>
                      </p:childTnLst>
                    </p:cTn>
                  </p:par>
                  <p:par>
                    <p:cTn id="59" fill="hold">
                      <p:stCondLst>
                        <p:cond delay="indefinite"/>
                      </p:stCondLst>
                      <p:childTnLst>
                        <p:par>
                          <p:cTn id="60" fill="hold">
                            <p:stCondLst>
                              <p:cond delay="0"/>
                            </p:stCondLst>
                            <p:childTnLst>
                              <p:par>
                                <p:cTn id="61" presetID="10" presetClass="entr" presetSubtype="0" fill="hold" grpId="0" nodeType="clickEffect">
                                  <p:stCondLst>
                                    <p:cond delay="0"/>
                                  </p:stCondLst>
                                  <p:childTnLst>
                                    <p:set>
                                      <p:cBhvr>
                                        <p:cTn id="62" dur="1" fill="hold">
                                          <p:stCondLst>
                                            <p:cond delay="0"/>
                                          </p:stCondLst>
                                        </p:cTn>
                                        <p:tgtEl>
                                          <p:spTgt spid="1041"/>
                                        </p:tgtEl>
                                        <p:attrNameLst>
                                          <p:attrName>style.visibility</p:attrName>
                                        </p:attrNameLst>
                                      </p:cBhvr>
                                      <p:to>
                                        <p:strVal val="visible"/>
                                      </p:to>
                                    </p:set>
                                    <p:animEffect transition="in" filter="fade">
                                      <p:cBhvr>
                                        <p:cTn id="63" dur="500"/>
                                        <p:tgtEl>
                                          <p:spTgt spid="1041"/>
                                        </p:tgtEl>
                                      </p:cBhvr>
                                    </p:animEffect>
                                  </p:childTnLst>
                                </p:cTn>
                              </p:par>
                            </p:childTnLst>
                          </p:cTn>
                        </p:par>
                        <p:par>
                          <p:cTn id="64" fill="hold">
                            <p:stCondLst>
                              <p:cond delay="500"/>
                            </p:stCondLst>
                            <p:childTnLst>
                              <p:par>
                                <p:cTn id="65" presetID="10" presetClass="entr" presetSubtype="0" fill="hold" nodeType="afterEffect">
                                  <p:stCondLst>
                                    <p:cond delay="0"/>
                                  </p:stCondLst>
                                  <p:childTnLst>
                                    <p:set>
                                      <p:cBhvr>
                                        <p:cTn id="66" dur="1" fill="hold">
                                          <p:stCondLst>
                                            <p:cond delay="0"/>
                                          </p:stCondLst>
                                        </p:cTn>
                                        <p:tgtEl>
                                          <p:spTgt spid="1045"/>
                                        </p:tgtEl>
                                        <p:attrNameLst>
                                          <p:attrName>style.visibility</p:attrName>
                                        </p:attrNameLst>
                                      </p:cBhvr>
                                      <p:to>
                                        <p:strVal val="visible"/>
                                      </p:to>
                                    </p:set>
                                    <p:animEffect transition="in" filter="fade">
                                      <p:cBhvr>
                                        <p:cTn id="67" dur="500"/>
                                        <p:tgtEl>
                                          <p:spTgt spid="1045"/>
                                        </p:tgtEl>
                                      </p:cBhvr>
                                    </p:animEffect>
                                  </p:childTnLst>
                                </p:cTn>
                              </p:par>
                            </p:childTnLst>
                          </p:cTn>
                        </p:par>
                        <p:par>
                          <p:cTn id="68" fill="hold">
                            <p:stCondLst>
                              <p:cond delay="1000"/>
                            </p:stCondLst>
                            <p:childTnLst>
                              <p:par>
                                <p:cTn id="69" presetID="10" presetClass="entr" presetSubtype="0" fill="hold" grpId="0" nodeType="afterEffect">
                                  <p:stCondLst>
                                    <p:cond delay="0"/>
                                  </p:stCondLst>
                                  <p:childTnLst>
                                    <p:set>
                                      <p:cBhvr>
                                        <p:cTn id="70" dur="1" fill="hold">
                                          <p:stCondLst>
                                            <p:cond delay="0"/>
                                          </p:stCondLst>
                                        </p:cTn>
                                        <p:tgtEl>
                                          <p:spTgt spid="1051"/>
                                        </p:tgtEl>
                                        <p:attrNameLst>
                                          <p:attrName>style.visibility</p:attrName>
                                        </p:attrNameLst>
                                      </p:cBhvr>
                                      <p:to>
                                        <p:strVal val="visible"/>
                                      </p:to>
                                    </p:set>
                                    <p:animEffect transition="in" filter="fade">
                                      <p:cBhvr>
                                        <p:cTn id="71" dur="500"/>
                                        <p:tgtEl>
                                          <p:spTgt spid="105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40" grpId="0" animBg="1"/>
      <p:bldP spid="1041" grpId="0" animBg="1"/>
      <p:bldP spid="1050" grpId="0"/>
      <p:bldP spid="1051" grpId="0"/>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93" name="2025_template publieksdag_02.jpg" descr="2025_template publieksdag_02.jpg"/>
          <p:cNvPicPr>
            <a:picLocks noChangeAspect="1"/>
          </p:cNvPicPr>
          <p:nvPr/>
        </p:nvPicPr>
        <p:blipFill>
          <a:blip r:embed="rId2"/>
          <a:stretch>
            <a:fillRect/>
          </a:stretch>
        </p:blipFill>
        <p:spPr>
          <a:xfrm>
            <a:off x="0" y="0"/>
            <a:ext cx="12192000" cy="6858000"/>
          </a:xfrm>
          <a:prstGeom prst="rect">
            <a:avLst/>
          </a:prstGeom>
          <a:ln w="12700">
            <a:miter lim="400000"/>
          </a:ln>
        </p:spPr>
      </p:pic>
      <p:sp>
        <p:nvSpPr>
          <p:cNvPr id="294" name="Rectangle 2"/>
          <p:cNvSpPr txBox="1"/>
          <p:nvPr/>
        </p:nvSpPr>
        <p:spPr>
          <a:xfrm>
            <a:off x="1901228" y="2286000"/>
            <a:ext cx="8307032" cy="1200329"/>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wrap="square" lIns="45719" rIns="45719">
            <a:spAutoFit/>
          </a:bodyPr>
          <a:lstStyle>
            <a:lvl1pPr>
              <a:defRPr sz="3200">
                <a:solidFill>
                  <a:srgbClr val="752120"/>
                </a:solidFill>
                <a:latin typeface="Montserrat SemiBold"/>
                <a:ea typeface="Montserrat SemiBold"/>
                <a:cs typeface="Montserrat SemiBold"/>
                <a:sym typeface="Montserrat SemiBold"/>
              </a:defRPr>
            </a:lvl1pPr>
          </a:lstStyle>
          <a:p>
            <a:r>
              <a:rPr lang="nl-NL" sz="3600" b="1" i="0" dirty="0">
                <a:solidFill>
                  <a:srgbClr val="C00000"/>
                </a:solidFill>
                <a:effectLst/>
                <a:latin typeface="SangBleu Republic"/>
              </a:rPr>
              <a:t>De richting van basaal wetenschappelijk onderzoek bij hersentumoren</a:t>
            </a:r>
            <a:endParaRPr lang="nl-NL" sz="3600" dirty="0">
              <a:solidFill>
                <a:srgbClr val="C00000"/>
              </a:solidFill>
            </a:endParaRPr>
          </a:p>
        </p:txBody>
      </p:sp>
      <p:sp>
        <p:nvSpPr>
          <p:cNvPr id="295" name="Rectangle 6"/>
          <p:cNvSpPr txBox="1"/>
          <p:nvPr/>
        </p:nvSpPr>
        <p:spPr>
          <a:xfrm>
            <a:off x="6911189" y="5764040"/>
            <a:ext cx="4794885" cy="370840"/>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45719" rIns="45719">
            <a:spAutoFit/>
          </a:bodyPr>
          <a:lstStyle>
            <a:lvl1pPr>
              <a:defRPr>
                <a:solidFill>
                  <a:srgbClr val="752120"/>
                </a:solidFill>
                <a:latin typeface="Montserrat SemiBold"/>
                <a:ea typeface="Montserrat SemiBold"/>
                <a:cs typeface="Montserrat SemiBold"/>
                <a:sym typeface="Montserrat SemiBold"/>
              </a:defRPr>
            </a:lvl1pPr>
          </a:lstStyle>
          <a:p>
            <a:r>
              <a:rPr lang="en-US" dirty="0" err="1"/>
              <a:t>Pim</a:t>
            </a:r>
            <a:r>
              <a:rPr lang="en-US" dirty="0"/>
              <a:t> French</a:t>
            </a:r>
            <a:endParaRPr dirty="0"/>
          </a:p>
        </p:txBody>
      </p:sp>
      <p:sp>
        <p:nvSpPr>
          <p:cNvPr id="296" name="Rectangle 7"/>
          <p:cNvSpPr txBox="1"/>
          <p:nvPr/>
        </p:nvSpPr>
        <p:spPr>
          <a:xfrm>
            <a:off x="6911189" y="6145040"/>
            <a:ext cx="4794885" cy="370840"/>
          </a:xfrm>
          <a:prstGeom prst="rect">
            <a:avLst/>
          </a:prstGeom>
          <a:ln w="12700">
            <a:miter lim="400000"/>
          </a:ln>
          <a:extLst>
            <a:ext uri="{C572A759-6A51-4108-AA02-DFA0A04FC94B}">
              <ma14:wrappingTextBoxFlag xmlns:ma14="http://schemas.microsoft.com/office/mac/drawingml/2011/main" xmlns:a14="http://schemas.microsoft.com/office/drawing/2010/main" xmlns:m="http://schemas.openxmlformats.org/officeDocument/2006/math" xmlns="" val="1"/>
            </a:ext>
          </a:extLst>
        </p:spPr>
        <p:txBody>
          <a:bodyPr lIns="45719" rIns="45719">
            <a:spAutoFit/>
          </a:bodyPr>
          <a:lstStyle>
            <a:lvl1pPr>
              <a:defRPr>
                <a:solidFill>
                  <a:srgbClr val="752120"/>
                </a:solidFill>
                <a:latin typeface="Montserrat SemiBold"/>
                <a:ea typeface="Montserrat SemiBold"/>
                <a:cs typeface="Montserrat SemiBold"/>
                <a:sym typeface="Montserrat SemiBold"/>
              </a:defRPr>
            </a:lvl1pPr>
          </a:lstStyle>
          <a:p>
            <a:r>
              <a:rPr lang="en-US" dirty="0" err="1"/>
              <a:t>Hoogleraar</a:t>
            </a:r>
            <a:r>
              <a:rPr lang="en-US" dirty="0"/>
              <a:t> Erasmus MC</a:t>
            </a:r>
            <a:endParaRPr dirty="0"/>
          </a:p>
        </p:txBody>
      </p:sp>
    </p:spTree>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3" name="Rounded Rectangle 9">
            <a:extLst>
              <a:ext uri="{FF2B5EF4-FFF2-40B4-BE49-F238E27FC236}">
                <a16:creationId xmlns:a16="http://schemas.microsoft.com/office/drawing/2014/main" id="{42953748-56DB-7FE6-A2D0-8DCB1C59C4BF}"/>
              </a:ext>
            </a:extLst>
          </p:cNvPr>
          <p:cNvSpPr/>
          <p:nvPr/>
        </p:nvSpPr>
        <p:spPr>
          <a:xfrm>
            <a:off x="7251826" y="1910281"/>
            <a:ext cx="4828568" cy="2553077"/>
          </a:xfrm>
          <a:prstGeom prst="roundRect">
            <a:avLst>
              <a:gd name="adj" fmla="val 4302"/>
            </a:avLst>
          </a:prstGeom>
          <a:solidFill>
            <a:schemeClr val="bg1">
              <a:lumMod val="95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Content Placeholder 2">
            <a:extLst>
              <a:ext uri="{FF2B5EF4-FFF2-40B4-BE49-F238E27FC236}">
                <a16:creationId xmlns:a16="http://schemas.microsoft.com/office/drawing/2014/main" id="{0EAFA9E4-EA9C-EE7F-6E9C-E38909C74152}"/>
              </a:ext>
            </a:extLst>
          </p:cNvPr>
          <p:cNvSpPr>
            <a:spLocks noGrp="1"/>
          </p:cNvSpPr>
          <p:nvPr>
            <p:ph idx="1"/>
          </p:nvPr>
        </p:nvSpPr>
        <p:spPr>
          <a:xfrm>
            <a:off x="3041963" y="1454439"/>
            <a:ext cx="8229638" cy="4667248"/>
          </a:xfrm>
        </p:spPr>
        <p:txBody>
          <a:bodyPr/>
          <a:lstStyle/>
          <a:p>
            <a:pPr lvl="1"/>
            <a:endParaRPr lang="en-GB" i="0" dirty="0">
              <a:solidFill>
                <a:srgbClr val="002060"/>
              </a:solidFill>
              <a:ea typeface="Arial" charset="0"/>
              <a:cs typeface="Arial" charset="0"/>
            </a:endParaRPr>
          </a:p>
          <a:p>
            <a:pPr>
              <a:spcBef>
                <a:spcPts val="300"/>
              </a:spcBef>
            </a:pPr>
            <a:r>
              <a:rPr lang="en-GB" dirty="0" err="1">
                <a:solidFill>
                  <a:srgbClr val="002060"/>
                </a:solidFill>
                <a:ea typeface="Arial" charset="0"/>
                <a:cs typeface="Arial" charset="0"/>
              </a:rPr>
              <a:t>Nieuwe</a:t>
            </a:r>
            <a:r>
              <a:rPr lang="en-GB" dirty="0">
                <a:solidFill>
                  <a:srgbClr val="002060"/>
                </a:solidFill>
                <a:ea typeface="Arial" charset="0"/>
                <a:cs typeface="Arial" charset="0"/>
              </a:rPr>
              <a:t> targets (</a:t>
            </a:r>
            <a:r>
              <a:rPr lang="en-GB" dirty="0" err="1">
                <a:solidFill>
                  <a:srgbClr val="002060"/>
                </a:solidFill>
                <a:ea typeface="Arial" charset="0"/>
                <a:cs typeface="Arial" charset="0"/>
              </a:rPr>
              <a:t>begrijpen</a:t>
            </a:r>
            <a:r>
              <a:rPr lang="en-GB" dirty="0">
                <a:solidFill>
                  <a:srgbClr val="002060"/>
                </a:solidFill>
                <a:ea typeface="Arial" charset="0"/>
                <a:cs typeface="Arial" charset="0"/>
              </a:rPr>
              <a:t> </a:t>
            </a:r>
            <a:r>
              <a:rPr lang="en-GB" dirty="0" err="1">
                <a:solidFill>
                  <a:srgbClr val="002060"/>
                </a:solidFill>
                <a:ea typeface="Arial" charset="0"/>
                <a:cs typeface="Arial" charset="0"/>
              </a:rPr>
              <a:t>waarom</a:t>
            </a:r>
            <a:r>
              <a:rPr lang="en-GB" dirty="0">
                <a:solidFill>
                  <a:srgbClr val="002060"/>
                </a:solidFill>
                <a:ea typeface="Arial" charset="0"/>
                <a:cs typeface="Arial" charset="0"/>
              </a:rPr>
              <a:t> </a:t>
            </a:r>
            <a:r>
              <a:rPr lang="en-GB" dirty="0" err="1">
                <a:solidFill>
                  <a:srgbClr val="002060"/>
                </a:solidFill>
                <a:ea typeface="Arial" charset="0"/>
                <a:cs typeface="Arial" charset="0"/>
              </a:rPr>
              <a:t>huidige</a:t>
            </a:r>
            <a:r>
              <a:rPr lang="en-GB" dirty="0">
                <a:solidFill>
                  <a:srgbClr val="002060"/>
                </a:solidFill>
                <a:ea typeface="Arial" charset="0"/>
                <a:cs typeface="Arial" charset="0"/>
              </a:rPr>
              <a:t> targets </a:t>
            </a:r>
            <a:r>
              <a:rPr lang="en-GB" dirty="0" err="1">
                <a:solidFill>
                  <a:srgbClr val="002060"/>
                </a:solidFill>
                <a:ea typeface="Arial" charset="0"/>
                <a:cs typeface="Arial" charset="0"/>
              </a:rPr>
              <a:t>niet</a:t>
            </a:r>
            <a:r>
              <a:rPr lang="en-GB" dirty="0">
                <a:solidFill>
                  <a:srgbClr val="002060"/>
                </a:solidFill>
                <a:ea typeface="Arial" charset="0"/>
                <a:cs typeface="Arial" charset="0"/>
              </a:rPr>
              <a:t> </a:t>
            </a:r>
            <a:r>
              <a:rPr lang="en-GB" dirty="0" err="1">
                <a:solidFill>
                  <a:srgbClr val="002060"/>
                </a:solidFill>
                <a:ea typeface="Arial" charset="0"/>
                <a:cs typeface="Arial" charset="0"/>
              </a:rPr>
              <a:t>werken</a:t>
            </a:r>
            <a:r>
              <a:rPr lang="en-GB" dirty="0">
                <a:solidFill>
                  <a:srgbClr val="002060"/>
                </a:solidFill>
                <a:ea typeface="Arial" charset="0"/>
                <a:cs typeface="Arial" charset="0"/>
              </a:rPr>
              <a:t>)</a:t>
            </a:r>
          </a:p>
          <a:p>
            <a:pPr>
              <a:spcBef>
                <a:spcPts val="300"/>
              </a:spcBef>
            </a:pPr>
            <a:endParaRPr lang="en-GB" dirty="0">
              <a:solidFill>
                <a:srgbClr val="002060"/>
              </a:solidFill>
              <a:ea typeface="Arial" charset="0"/>
              <a:cs typeface="Arial" charset="0"/>
            </a:endParaRPr>
          </a:p>
          <a:p>
            <a:pPr>
              <a:spcBef>
                <a:spcPts val="300"/>
              </a:spcBef>
            </a:pPr>
            <a:r>
              <a:rPr lang="en-GB" dirty="0" err="1">
                <a:solidFill>
                  <a:srgbClr val="002060"/>
                </a:solidFill>
                <a:ea typeface="Arial" charset="0"/>
                <a:cs typeface="Arial" charset="0"/>
              </a:rPr>
              <a:t>Openen</a:t>
            </a:r>
            <a:r>
              <a:rPr lang="en-GB" dirty="0">
                <a:solidFill>
                  <a:srgbClr val="002060"/>
                </a:solidFill>
                <a:ea typeface="Arial" charset="0"/>
                <a:cs typeface="Arial" charset="0"/>
              </a:rPr>
              <a:t> </a:t>
            </a:r>
            <a:r>
              <a:rPr lang="en-GB" dirty="0" err="1">
                <a:solidFill>
                  <a:srgbClr val="002060"/>
                </a:solidFill>
                <a:ea typeface="Arial" charset="0"/>
                <a:cs typeface="Arial" charset="0"/>
              </a:rPr>
              <a:t>bloed-hersen</a:t>
            </a:r>
            <a:r>
              <a:rPr lang="en-GB" dirty="0">
                <a:solidFill>
                  <a:srgbClr val="002060"/>
                </a:solidFill>
                <a:ea typeface="Arial" charset="0"/>
                <a:cs typeface="Arial" charset="0"/>
              </a:rPr>
              <a:t> </a:t>
            </a:r>
            <a:r>
              <a:rPr lang="en-GB" dirty="0" err="1">
                <a:solidFill>
                  <a:srgbClr val="002060"/>
                </a:solidFill>
                <a:ea typeface="Arial" charset="0"/>
                <a:cs typeface="Arial" charset="0"/>
              </a:rPr>
              <a:t>barriere</a:t>
            </a:r>
            <a:endParaRPr lang="en-GB" dirty="0">
              <a:solidFill>
                <a:srgbClr val="002060"/>
              </a:solidFill>
              <a:ea typeface="Arial" charset="0"/>
              <a:cs typeface="Arial" charset="0"/>
            </a:endParaRPr>
          </a:p>
          <a:p>
            <a:pPr>
              <a:spcBef>
                <a:spcPts val="300"/>
              </a:spcBef>
            </a:pPr>
            <a:endParaRPr lang="en-GB" dirty="0">
              <a:solidFill>
                <a:srgbClr val="002060"/>
              </a:solidFill>
              <a:ea typeface="Arial" charset="0"/>
              <a:cs typeface="Arial" charset="0"/>
            </a:endParaRPr>
          </a:p>
          <a:p>
            <a:pPr>
              <a:spcBef>
                <a:spcPts val="300"/>
              </a:spcBef>
            </a:pPr>
            <a:r>
              <a:rPr lang="en-GB" dirty="0" err="1">
                <a:solidFill>
                  <a:srgbClr val="002060"/>
                </a:solidFill>
                <a:ea typeface="Arial" charset="0"/>
                <a:cs typeface="Arial" charset="0"/>
              </a:rPr>
              <a:t>Theranostics</a:t>
            </a:r>
            <a:endParaRPr lang="en-GB" dirty="0">
              <a:solidFill>
                <a:srgbClr val="002060"/>
              </a:solidFill>
              <a:ea typeface="Arial" charset="0"/>
              <a:cs typeface="Arial" charset="0"/>
            </a:endParaRPr>
          </a:p>
          <a:p>
            <a:pPr marL="914400" lvl="2" indent="0">
              <a:buNone/>
            </a:pPr>
            <a:endParaRPr lang="en-GB" b="1" dirty="0">
              <a:solidFill>
                <a:srgbClr val="002060"/>
              </a:solidFill>
              <a:ea typeface="Arial" charset="0"/>
              <a:cs typeface="Arial" charset="0"/>
            </a:endParaRPr>
          </a:p>
          <a:p>
            <a:pPr marL="914400" lvl="2" indent="0">
              <a:buNone/>
            </a:pPr>
            <a:endParaRPr lang="en-GB" b="1" dirty="0">
              <a:solidFill>
                <a:srgbClr val="002060"/>
              </a:solidFill>
              <a:ea typeface="Arial" charset="0"/>
              <a:cs typeface="Arial" charset="0"/>
            </a:endParaRPr>
          </a:p>
          <a:p>
            <a:pPr marL="914400" lvl="2" indent="0">
              <a:buNone/>
            </a:pPr>
            <a:endParaRPr lang="en-GB" b="1" dirty="0">
              <a:solidFill>
                <a:srgbClr val="002060"/>
              </a:solidFill>
              <a:ea typeface="Arial" charset="0"/>
              <a:cs typeface="Arial" charset="0"/>
            </a:endParaRPr>
          </a:p>
          <a:p>
            <a:pPr marL="914400" lvl="2" indent="0">
              <a:buNone/>
            </a:pPr>
            <a:endParaRPr lang="en-GB" b="1" dirty="0">
              <a:solidFill>
                <a:srgbClr val="002060"/>
              </a:solidFill>
              <a:ea typeface="Arial" charset="0"/>
              <a:cs typeface="Arial" charset="0"/>
            </a:endParaRPr>
          </a:p>
          <a:p>
            <a:pPr marL="914400" lvl="2" indent="0">
              <a:buNone/>
            </a:pPr>
            <a:endParaRPr lang="en-GB" b="1" dirty="0">
              <a:solidFill>
                <a:srgbClr val="002060"/>
              </a:solidFill>
              <a:ea typeface="Arial" charset="0"/>
              <a:cs typeface="Arial" charset="0"/>
            </a:endParaRPr>
          </a:p>
          <a:p>
            <a:pPr marL="914400" lvl="2" indent="0">
              <a:buNone/>
            </a:pPr>
            <a:endParaRPr lang="en-GB" b="1" dirty="0">
              <a:solidFill>
                <a:srgbClr val="002060"/>
              </a:solidFill>
              <a:ea typeface="Arial" charset="0"/>
              <a:cs typeface="Arial" charset="0"/>
            </a:endParaRPr>
          </a:p>
          <a:p>
            <a:pPr marL="914400" lvl="2" indent="0">
              <a:buNone/>
            </a:pPr>
            <a:endParaRPr lang="en-GB" b="1" dirty="0">
              <a:solidFill>
                <a:srgbClr val="002060"/>
              </a:solidFill>
              <a:ea typeface="Arial" charset="0"/>
              <a:cs typeface="Arial" charset="0"/>
            </a:endParaRPr>
          </a:p>
          <a:p>
            <a:r>
              <a:rPr lang="en-GB" dirty="0" err="1"/>
              <a:t>Testen</a:t>
            </a:r>
            <a:r>
              <a:rPr lang="en-GB" dirty="0"/>
              <a:t> </a:t>
            </a:r>
            <a:r>
              <a:rPr lang="en-GB" dirty="0" err="1"/>
              <a:t>nieuwe</a:t>
            </a:r>
            <a:r>
              <a:rPr lang="en-GB" dirty="0"/>
              <a:t> </a:t>
            </a:r>
            <a:r>
              <a:rPr lang="en-GB" dirty="0" err="1"/>
              <a:t>immuuntherapiën</a:t>
            </a:r>
            <a:r>
              <a:rPr lang="en-GB" dirty="0"/>
              <a:t> (CAR-T, </a:t>
            </a:r>
            <a:r>
              <a:rPr lang="en-GB" dirty="0" err="1"/>
              <a:t>BiTe</a:t>
            </a:r>
            <a:r>
              <a:rPr lang="en-GB" dirty="0"/>
              <a:t>)</a:t>
            </a:r>
          </a:p>
          <a:p>
            <a:r>
              <a:rPr lang="en-GB" dirty="0" err="1"/>
              <a:t>Immuuncellen</a:t>
            </a:r>
            <a:r>
              <a:rPr lang="en-GB" dirty="0"/>
              <a:t> </a:t>
            </a:r>
            <a:r>
              <a:rPr lang="en-GB" dirty="0" err="1"/>
              <a:t>naar</a:t>
            </a:r>
            <a:r>
              <a:rPr lang="en-GB" dirty="0"/>
              <a:t> de </a:t>
            </a:r>
            <a:r>
              <a:rPr lang="en-GB" dirty="0" err="1"/>
              <a:t>tumor</a:t>
            </a:r>
            <a:r>
              <a:rPr lang="en-GB" dirty="0"/>
              <a:t> </a:t>
            </a:r>
            <a:r>
              <a:rPr lang="en-GB" dirty="0" err="1"/>
              <a:t>dirigeren</a:t>
            </a:r>
            <a:endParaRPr lang="en-GB" dirty="0"/>
          </a:p>
          <a:p>
            <a:endParaRPr lang="en-GB" dirty="0">
              <a:solidFill>
                <a:srgbClr val="002060"/>
              </a:solidFill>
              <a:ea typeface="Arial" charset="0"/>
              <a:cs typeface="Arial" charset="0"/>
            </a:endParaRPr>
          </a:p>
          <a:p>
            <a:pPr lvl="1"/>
            <a:endParaRPr lang="en-GB" i="0" dirty="0">
              <a:solidFill>
                <a:srgbClr val="002060"/>
              </a:solidFill>
              <a:ea typeface="Arial" charset="0"/>
              <a:cs typeface="Arial" charset="0"/>
            </a:endParaRPr>
          </a:p>
          <a:p>
            <a:pPr marL="914400" lvl="2" indent="0">
              <a:buNone/>
            </a:pPr>
            <a:endParaRPr lang="en-GB" sz="1400" b="1" i="0" dirty="0">
              <a:solidFill>
                <a:srgbClr val="002060"/>
              </a:solidFill>
              <a:ea typeface="Arial" charset="0"/>
              <a:cs typeface="Arial" charset="0"/>
            </a:endParaRPr>
          </a:p>
          <a:p>
            <a:endParaRPr lang="en-GB" dirty="0"/>
          </a:p>
        </p:txBody>
      </p:sp>
      <p:sp>
        <p:nvSpPr>
          <p:cNvPr id="4" name="Title 3">
            <a:extLst>
              <a:ext uri="{FF2B5EF4-FFF2-40B4-BE49-F238E27FC236}">
                <a16:creationId xmlns:a16="http://schemas.microsoft.com/office/drawing/2014/main" id="{3A7FC0FE-D434-4575-1D46-6D55107EABA1}"/>
              </a:ext>
            </a:extLst>
          </p:cNvPr>
          <p:cNvSpPr>
            <a:spLocks noGrp="1"/>
          </p:cNvSpPr>
          <p:nvPr>
            <p:ph type="title"/>
          </p:nvPr>
        </p:nvSpPr>
        <p:spPr/>
        <p:txBody>
          <a:bodyPr/>
          <a:lstStyle/>
          <a:p>
            <a:r>
              <a:rPr lang="en-US" dirty="0" err="1"/>
              <a:t>Waar</a:t>
            </a:r>
            <a:r>
              <a:rPr lang="en-US" dirty="0"/>
              <a:t> </a:t>
            </a:r>
            <a:r>
              <a:rPr lang="en-US" dirty="0" err="1"/>
              <a:t>gaan</a:t>
            </a:r>
            <a:r>
              <a:rPr lang="en-US" dirty="0"/>
              <a:t> we </a:t>
            </a:r>
            <a:r>
              <a:rPr lang="en-US" dirty="0" err="1"/>
              <a:t>naar</a:t>
            </a:r>
            <a:r>
              <a:rPr lang="en-US" dirty="0"/>
              <a:t> toe</a:t>
            </a:r>
            <a:endParaRPr lang="en-GB" dirty="0"/>
          </a:p>
        </p:txBody>
      </p:sp>
      <p:sp>
        <p:nvSpPr>
          <p:cNvPr id="5" name="Date Placeholder 4">
            <a:extLst>
              <a:ext uri="{FF2B5EF4-FFF2-40B4-BE49-F238E27FC236}">
                <a16:creationId xmlns:a16="http://schemas.microsoft.com/office/drawing/2014/main" id="{D9C1E84D-B4D4-5D25-EA2F-19D9F61FD548}"/>
              </a:ext>
            </a:extLst>
          </p:cNvPr>
          <p:cNvSpPr>
            <a:spLocks noGrp="1"/>
          </p:cNvSpPr>
          <p:nvPr>
            <p:ph type="dt" sz="half" idx="14"/>
          </p:nvPr>
        </p:nvSpPr>
        <p:spPr/>
        <p:txBody>
          <a:bodyPr/>
          <a:lstStyle/>
          <a:p>
            <a:fld id="{E02C8C58-7455-42B9-A9FD-EE48EC293C11}" type="datetime1">
              <a:rPr lang="en-GB" smtClean="0"/>
              <a:t>15/03/2025</a:t>
            </a:fld>
            <a:endParaRPr lang="en-GB"/>
          </a:p>
        </p:txBody>
      </p:sp>
      <p:sp>
        <p:nvSpPr>
          <p:cNvPr id="6" name="Footer Placeholder 5">
            <a:extLst>
              <a:ext uri="{FF2B5EF4-FFF2-40B4-BE49-F238E27FC236}">
                <a16:creationId xmlns:a16="http://schemas.microsoft.com/office/drawing/2014/main" id="{02CECA96-88A9-B895-83A1-D50244FD4B52}"/>
              </a:ext>
            </a:extLst>
          </p:cNvPr>
          <p:cNvSpPr>
            <a:spLocks noGrp="1"/>
          </p:cNvSpPr>
          <p:nvPr>
            <p:ph type="ftr" sz="quarter" idx="15"/>
          </p:nvPr>
        </p:nvSpPr>
        <p:spPr/>
        <p:txBody>
          <a:bodyPr/>
          <a:lstStyle/>
          <a:p>
            <a:endParaRPr lang="en-GB"/>
          </a:p>
        </p:txBody>
      </p:sp>
      <p:sp>
        <p:nvSpPr>
          <p:cNvPr id="7" name="Slide Number Placeholder 6">
            <a:extLst>
              <a:ext uri="{FF2B5EF4-FFF2-40B4-BE49-F238E27FC236}">
                <a16:creationId xmlns:a16="http://schemas.microsoft.com/office/drawing/2014/main" id="{513B54B9-C4B4-082D-376F-65122091A516}"/>
              </a:ext>
            </a:extLst>
          </p:cNvPr>
          <p:cNvSpPr>
            <a:spLocks noGrp="1"/>
          </p:cNvSpPr>
          <p:nvPr>
            <p:ph type="sldNum" sz="quarter" idx="16"/>
          </p:nvPr>
        </p:nvSpPr>
        <p:spPr/>
        <p:txBody>
          <a:bodyPr/>
          <a:lstStyle/>
          <a:p>
            <a:fld id="{83D1311D-0AF4-BF42-8BF9-EAD1FE65203C}" type="slidenum">
              <a:rPr lang="en-GB" smtClean="0"/>
              <a:pPr/>
              <a:t>20</a:t>
            </a:fld>
            <a:endParaRPr lang="en-GB"/>
          </a:p>
        </p:txBody>
      </p:sp>
      <p:pic>
        <p:nvPicPr>
          <p:cNvPr id="9" name="Picture 8">
            <a:extLst>
              <a:ext uri="{FF2B5EF4-FFF2-40B4-BE49-F238E27FC236}">
                <a16:creationId xmlns:a16="http://schemas.microsoft.com/office/drawing/2014/main" id="{0EDD6E14-9758-F735-40DC-EFCAEDF58325}"/>
              </a:ext>
            </a:extLst>
          </p:cNvPr>
          <p:cNvPicPr>
            <a:picLocks noChangeAspect="1"/>
          </p:cNvPicPr>
          <p:nvPr/>
        </p:nvPicPr>
        <p:blipFill>
          <a:blip r:embed="rId2"/>
          <a:stretch>
            <a:fillRect/>
          </a:stretch>
        </p:blipFill>
        <p:spPr>
          <a:xfrm>
            <a:off x="826744" y="1454439"/>
            <a:ext cx="1168548" cy="1216665"/>
          </a:xfrm>
          <a:prstGeom prst="rect">
            <a:avLst/>
          </a:prstGeom>
        </p:spPr>
      </p:pic>
      <p:pic>
        <p:nvPicPr>
          <p:cNvPr id="1058" name="Picture 1057">
            <a:extLst>
              <a:ext uri="{FF2B5EF4-FFF2-40B4-BE49-F238E27FC236}">
                <a16:creationId xmlns:a16="http://schemas.microsoft.com/office/drawing/2014/main" id="{D062C181-9F04-19B9-8D28-05B7BA65DAF5}"/>
              </a:ext>
            </a:extLst>
          </p:cNvPr>
          <p:cNvPicPr>
            <a:picLocks noChangeAspect="1"/>
          </p:cNvPicPr>
          <p:nvPr/>
        </p:nvPicPr>
        <p:blipFill>
          <a:blip r:embed="rId3"/>
          <a:stretch>
            <a:fillRect/>
          </a:stretch>
        </p:blipFill>
        <p:spPr>
          <a:xfrm>
            <a:off x="1199214" y="4648233"/>
            <a:ext cx="726283" cy="852593"/>
          </a:xfrm>
          <a:prstGeom prst="rect">
            <a:avLst/>
          </a:prstGeom>
        </p:spPr>
      </p:pic>
      <p:sp>
        <p:nvSpPr>
          <p:cNvPr id="16" name="Rectangle 15">
            <a:extLst>
              <a:ext uri="{FF2B5EF4-FFF2-40B4-BE49-F238E27FC236}">
                <a16:creationId xmlns:a16="http://schemas.microsoft.com/office/drawing/2014/main" id="{8D202916-7DBD-EA94-4ACB-36F84E9FB28F}"/>
              </a:ext>
            </a:extLst>
          </p:cNvPr>
          <p:cNvSpPr/>
          <p:nvPr/>
        </p:nvSpPr>
        <p:spPr>
          <a:xfrm>
            <a:off x="7399698" y="2008544"/>
            <a:ext cx="4424127" cy="2324959"/>
          </a:xfrm>
          <a:prstGeom prst="rect">
            <a:avLst/>
          </a:prstGeom>
          <a:solidFill>
            <a:schemeClr val="bg1"/>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 name="Picture 9">
            <a:extLst>
              <a:ext uri="{FF2B5EF4-FFF2-40B4-BE49-F238E27FC236}">
                <a16:creationId xmlns:a16="http://schemas.microsoft.com/office/drawing/2014/main" id="{72A6272D-BD59-EF55-48F7-8B723111823C}"/>
              </a:ext>
            </a:extLst>
          </p:cNvPr>
          <p:cNvPicPr>
            <a:picLocks noChangeAspect="1"/>
          </p:cNvPicPr>
          <p:nvPr/>
        </p:nvPicPr>
        <p:blipFill>
          <a:blip r:embed="rId4"/>
          <a:stretch>
            <a:fillRect/>
          </a:stretch>
        </p:blipFill>
        <p:spPr>
          <a:xfrm>
            <a:off x="7518910" y="2139470"/>
            <a:ext cx="3528211" cy="2102035"/>
          </a:xfrm>
          <a:prstGeom prst="rect">
            <a:avLst/>
          </a:prstGeom>
        </p:spPr>
      </p:pic>
      <p:pic>
        <p:nvPicPr>
          <p:cNvPr id="15" name="Picture 14">
            <a:extLst>
              <a:ext uri="{FF2B5EF4-FFF2-40B4-BE49-F238E27FC236}">
                <a16:creationId xmlns:a16="http://schemas.microsoft.com/office/drawing/2014/main" id="{454F837C-5E0B-EABD-B3D2-BA542FC475E0}"/>
              </a:ext>
            </a:extLst>
          </p:cNvPr>
          <p:cNvPicPr>
            <a:picLocks noChangeAspect="1"/>
          </p:cNvPicPr>
          <p:nvPr/>
        </p:nvPicPr>
        <p:blipFill>
          <a:blip r:embed="rId5">
            <a:alphaModFix/>
          </a:blip>
          <a:stretch>
            <a:fillRect/>
          </a:stretch>
        </p:blipFill>
        <p:spPr>
          <a:xfrm>
            <a:off x="7499382" y="2164690"/>
            <a:ext cx="3380409" cy="2178486"/>
          </a:xfrm>
          <a:prstGeom prst="rect">
            <a:avLst/>
          </a:prstGeom>
        </p:spPr>
      </p:pic>
      <p:sp>
        <p:nvSpPr>
          <p:cNvPr id="11" name="TextBox 10">
            <a:extLst>
              <a:ext uri="{FF2B5EF4-FFF2-40B4-BE49-F238E27FC236}">
                <a16:creationId xmlns:a16="http://schemas.microsoft.com/office/drawing/2014/main" id="{136BA97B-A3B5-763D-EFC6-5CA1FA5E57B7}"/>
              </a:ext>
            </a:extLst>
          </p:cNvPr>
          <p:cNvSpPr txBox="1"/>
          <p:nvPr/>
        </p:nvSpPr>
        <p:spPr>
          <a:xfrm>
            <a:off x="7399699" y="2245985"/>
            <a:ext cx="1233126" cy="369332"/>
          </a:xfrm>
          <a:prstGeom prst="rect">
            <a:avLst/>
          </a:prstGeom>
          <a:noFill/>
        </p:spPr>
        <p:txBody>
          <a:bodyPr wrap="square" rtlCol="0">
            <a:spAutoFit/>
          </a:bodyPr>
          <a:lstStyle/>
          <a:p>
            <a:pPr algn="l"/>
            <a:r>
              <a:rPr lang="en-US" b="1" i="0" dirty="0" err="1">
                <a:solidFill>
                  <a:schemeClr val="accent4"/>
                </a:solidFill>
                <a:ea typeface="Arial" charset="0"/>
                <a:cs typeface="Arial" charset="0"/>
              </a:rPr>
              <a:t>Bloedvat</a:t>
            </a:r>
            <a:endParaRPr lang="en-GB" b="1" i="0" dirty="0" err="1">
              <a:solidFill>
                <a:schemeClr val="accent4"/>
              </a:solidFill>
              <a:ea typeface="Arial" charset="0"/>
              <a:cs typeface="Arial" charset="0"/>
            </a:endParaRPr>
          </a:p>
        </p:txBody>
      </p:sp>
      <p:sp>
        <p:nvSpPr>
          <p:cNvPr id="12" name="TextBox 11">
            <a:extLst>
              <a:ext uri="{FF2B5EF4-FFF2-40B4-BE49-F238E27FC236}">
                <a16:creationId xmlns:a16="http://schemas.microsoft.com/office/drawing/2014/main" id="{12F05F63-C378-E8D5-9CD4-BEC3F4D41486}"/>
              </a:ext>
            </a:extLst>
          </p:cNvPr>
          <p:cNvSpPr txBox="1"/>
          <p:nvPr/>
        </p:nvSpPr>
        <p:spPr>
          <a:xfrm>
            <a:off x="9785389" y="2155165"/>
            <a:ext cx="2111294" cy="369332"/>
          </a:xfrm>
          <a:prstGeom prst="rect">
            <a:avLst/>
          </a:prstGeom>
          <a:noFill/>
        </p:spPr>
        <p:txBody>
          <a:bodyPr wrap="square" rtlCol="0">
            <a:spAutoFit/>
          </a:bodyPr>
          <a:lstStyle/>
          <a:p>
            <a:pPr algn="l"/>
            <a:r>
              <a:rPr lang="en-US" b="1" i="0" dirty="0" err="1">
                <a:solidFill>
                  <a:schemeClr val="accent4"/>
                </a:solidFill>
                <a:ea typeface="Arial" charset="0"/>
                <a:cs typeface="Arial" charset="0"/>
              </a:rPr>
              <a:t>Hersen-</a:t>
            </a:r>
            <a:r>
              <a:rPr lang="en-US" b="1" dirty="0" err="1">
                <a:solidFill>
                  <a:schemeClr val="accent4"/>
                </a:solidFill>
                <a:ea typeface="Arial" charset="0"/>
                <a:cs typeface="Arial" charset="0"/>
              </a:rPr>
              <a:t>b</a:t>
            </a:r>
            <a:r>
              <a:rPr lang="en-US" b="1" i="0" dirty="0" err="1">
                <a:solidFill>
                  <a:schemeClr val="accent4"/>
                </a:solidFill>
                <a:ea typeface="Arial" charset="0"/>
                <a:cs typeface="Arial" charset="0"/>
              </a:rPr>
              <a:t>loedvat</a:t>
            </a:r>
            <a:endParaRPr lang="en-GB" b="1" i="0" dirty="0" err="1">
              <a:solidFill>
                <a:schemeClr val="accent4"/>
              </a:solidFill>
              <a:ea typeface="Arial" charset="0"/>
              <a:cs typeface="Arial" charset="0"/>
            </a:endParaRPr>
          </a:p>
        </p:txBody>
      </p:sp>
      <p:grpSp>
        <p:nvGrpSpPr>
          <p:cNvPr id="21" name="Group 20">
            <a:extLst>
              <a:ext uri="{FF2B5EF4-FFF2-40B4-BE49-F238E27FC236}">
                <a16:creationId xmlns:a16="http://schemas.microsoft.com/office/drawing/2014/main" id="{21F5A537-C643-4026-84BA-E7F389F056C6}"/>
              </a:ext>
            </a:extLst>
          </p:cNvPr>
          <p:cNvGrpSpPr/>
          <p:nvPr/>
        </p:nvGrpSpPr>
        <p:grpSpPr>
          <a:xfrm>
            <a:off x="3530436" y="2885850"/>
            <a:ext cx="3464821" cy="1457326"/>
            <a:chOff x="5168004" y="4067175"/>
            <a:chExt cx="3464821" cy="1457326"/>
          </a:xfrm>
        </p:grpSpPr>
        <p:sp>
          <p:nvSpPr>
            <p:cNvPr id="19" name="Rounded Rectangle 9">
              <a:extLst>
                <a:ext uri="{FF2B5EF4-FFF2-40B4-BE49-F238E27FC236}">
                  <a16:creationId xmlns:a16="http://schemas.microsoft.com/office/drawing/2014/main" id="{021DDC47-72E1-AB1A-0974-73C0F6057C7D}"/>
                </a:ext>
              </a:extLst>
            </p:cNvPr>
            <p:cNvSpPr/>
            <p:nvPr/>
          </p:nvSpPr>
          <p:spPr>
            <a:xfrm>
              <a:off x="5168004" y="4067175"/>
              <a:ext cx="3464821" cy="1457326"/>
            </a:xfrm>
            <a:prstGeom prst="roundRect">
              <a:avLst>
                <a:gd name="adj" fmla="val 4302"/>
              </a:avLst>
            </a:prstGeom>
            <a:solidFill>
              <a:schemeClr val="bg1">
                <a:lumMod val="95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2050" name="Picture 2" descr="Theranostics | UCLA Health">
              <a:extLst>
                <a:ext uri="{FF2B5EF4-FFF2-40B4-BE49-F238E27FC236}">
                  <a16:creationId xmlns:a16="http://schemas.microsoft.com/office/drawing/2014/main" id="{85D086DB-9FD7-F300-15CE-5C1DB8B63117}"/>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5339841" y="4159878"/>
              <a:ext cx="3051279" cy="1311097"/>
            </a:xfrm>
            <a:prstGeom prst="rect">
              <a:avLst/>
            </a:prstGeom>
            <a:noFill/>
            <a:extLst>
              <a:ext uri="{909E8E84-426E-40DD-AFC4-6F175D3DCCD1}">
                <a14:hiddenFill xmlns:a14="http://schemas.microsoft.com/office/drawing/2010/main">
                  <a:solidFill>
                    <a:srgbClr val="FFFFFF"/>
                  </a:solidFill>
                </a14:hiddenFill>
              </a:ext>
            </a:extLst>
          </p:spPr>
        </p:pic>
      </p:grpSp>
      <p:sp>
        <p:nvSpPr>
          <p:cNvPr id="23" name="Rounded Rectangle 9">
            <a:extLst>
              <a:ext uri="{FF2B5EF4-FFF2-40B4-BE49-F238E27FC236}">
                <a16:creationId xmlns:a16="http://schemas.microsoft.com/office/drawing/2014/main" id="{D1F232C0-202C-7C9E-FAEF-F8E09D38CB3D}"/>
              </a:ext>
            </a:extLst>
          </p:cNvPr>
          <p:cNvSpPr/>
          <p:nvPr/>
        </p:nvSpPr>
        <p:spPr>
          <a:xfrm>
            <a:off x="7844763" y="4587059"/>
            <a:ext cx="2079808" cy="1457326"/>
          </a:xfrm>
          <a:prstGeom prst="roundRect">
            <a:avLst>
              <a:gd name="adj" fmla="val 4302"/>
            </a:avLst>
          </a:prstGeom>
          <a:solidFill>
            <a:schemeClr val="bg1">
              <a:lumMod val="95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2052" name="Picture 4" descr="CAR T-cell Therapy in Singapore (Chimeric Antigen Receptor) | Parkway  Cancer Centre Singapore">
            <a:extLst>
              <a:ext uri="{FF2B5EF4-FFF2-40B4-BE49-F238E27FC236}">
                <a16:creationId xmlns:a16="http://schemas.microsoft.com/office/drawing/2014/main" id="{9AD570FA-024F-575F-F41C-27CD4CEA02B9}"/>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7705582" y="4477326"/>
            <a:ext cx="2079807" cy="170886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88127375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iterate type="wd">
                                    <p:tmPct val="10000"/>
                                  </p:iterate>
                                  <p:childTnLst>
                                    <p:set>
                                      <p:cBhvr>
                                        <p:cTn id="6" dur="1" fill="hold">
                                          <p:stCondLst>
                                            <p:cond delay="0"/>
                                          </p:stCondLst>
                                        </p:cTn>
                                        <p:tgtEl>
                                          <p:spTgt spid="3">
                                            <p:txEl>
                                              <p:pRg st="3" end="3"/>
                                            </p:txEl>
                                          </p:spTgt>
                                        </p:tgtEl>
                                        <p:attrNameLst>
                                          <p:attrName>style.visibility</p:attrName>
                                        </p:attrNameLst>
                                      </p:cBhvr>
                                      <p:to>
                                        <p:strVal val="visible"/>
                                      </p:to>
                                    </p:set>
                                    <p:animEffect transition="in" filter="fade">
                                      <p:cBhvr>
                                        <p:cTn id="7" dur="500"/>
                                        <p:tgtEl>
                                          <p:spTgt spid="3">
                                            <p:txEl>
                                              <p:pRg st="3" end="3"/>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0"/>
                                  </p:stCondLst>
                                  <p:childTnLst>
                                    <p:set>
                                      <p:cBhvr>
                                        <p:cTn id="11" dur="1" fill="hold">
                                          <p:stCondLst>
                                            <p:cond delay="0"/>
                                          </p:stCondLst>
                                        </p:cTn>
                                        <p:tgtEl>
                                          <p:spTgt spid="11"/>
                                        </p:tgtEl>
                                        <p:attrNameLst>
                                          <p:attrName>style.visibility</p:attrName>
                                        </p:attrNameLst>
                                      </p:cBhvr>
                                      <p:to>
                                        <p:strVal val="visible"/>
                                      </p:to>
                                    </p:set>
                                    <p:animEffect transition="in" filter="fade">
                                      <p:cBhvr>
                                        <p:cTn id="12" dur="500"/>
                                        <p:tgtEl>
                                          <p:spTgt spid="11"/>
                                        </p:tgtEl>
                                      </p:cBhvr>
                                    </p:animEffect>
                                  </p:childTnLst>
                                </p:cTn>
                              </p:par>
                              <p:par>
                                <p:cTn id="13" presetID="10" presetClass="entr" presetSubtype="0" fill="hold" grpId="0" nodeType="withEffect">
                                  <p:stCondLst>
                                    <p:cond delay="0"/>
                                  </p:stCondLst>
                                  <p:childTnLst>
                                    <p:set>
                                      <p:cBhvr>
                                        <p:cTn id="14" dur="1" fill="hold">
                                          <p:stCondLst>
                                            <p:cond delay="0"/>
                                          </p:stCondLst>
                                        </p:cTn>
                                        <p:tgtEl>
                                          <p:spTgt spid="12"/>
                                        </p:tgtEl>
                                        <p:attrNameLst>
                                          <p:attrName>style.visibility</p:attrName>
                                        </p:attrNameLst>
                                      </p:cBhvr>
                                      <p:to>
                                        <p:strVal val="visible"/>
                                      </p:to>
                                    </p:set>
                                    <p:animEffect transition="in" filter="fade">
                                      <p:cBhvr>
                                        <p:cTn id="15" dur="500"/>
                                        <p:tgtEl>
                                          <p:spTgt spid="12"/>
                                        </p:tgtEl>
                                      </p:cBhvr>
                                    </p:animEffect>
                                  </p:childTnLst>
                                </p:cTn>
                              </p:par>
                              <p:par>
                                <p:cTn id="16" presetID="10" presetClass="entr" presetSubtype="0" fill="hold" grpId="0" nodeType="withEffect">
                                  <p:stCondLst>
                                    <p:cond delay="0"/>
                                  </p:stCondLst>
                                  <p:childTnLst>
                                    <p:set>
                                      <p:cBhvr>
                                        <p:cTn id="17" dur="1" fill="hold">
                                          <p:stCondLst>
                                            <p:cond delay="0"/>
                                          </p:stCondLst>
                                        </p:cTn>
                                        <p:tgtEl>
                                          <p:spTgt spid="13"/>
                                        </p:tgtEl>
                                        <p:attrNameLst>
                                          <p:attrName>style.visibility</p:attrName>
                                        </p:attrNameLst>
                                      </p:cBhvr>
                                      <p:to>
                                        <p:strVal val="visible"/>
                                      </p:to>
                                    </p:set>
                                    <p:animEffect transition="in" filter="fade">
                                      <p:cBhvr>
                                        <p:cTn id="18" dur="500"/>
                                        <p:tgtEl>
                                          <p:spTgt spid="13"/>
                                        </p:tgtEl>
                                      </p:cBhvr>
                                    </p:animEffect>
                                  </p:childTnLst>
                                </p:cTn>
                              </p:par>
                              <p:par>
                                <p:cTn id="19" presetID="10" presetClass="entr" presetSubtype="0" fill="hold" grpId="0" nodeType="withEffect">
                                  <p:stCondLst>
                                    <p:cond delay="0"/>
                                  </p:stCondLst>
                                  <p:childTnLst>
                                    <p:set>
                                      <p:cBhvr>
                                        <p:cTn id="20" dur="1" fill="hold">
                                          <p:stCondLst>
                                            <p:cond delay="0"/>
                                          </p:stCondLst>
                                        </p:cTn>
                                        <p:tgtEl>
                                          <p:spTgt spid="16"/>
                                        </p:tgtEl>
                                        <p:attrNameLst>
                                          <p:attrName>style.visibility</p:attrName>
                                        </p:attrNameLst>
                                      </p:cBhvr>
                                      <p:to>
                                        <p:strVal val="visible"/>
                                      </p:to>
                                    </p:set>
                                    <p:animEffect transition="in" filter="fade">
                                      <p:cBhvr>
                                        <p:cTn id="21" dur="500"/>
                                        <p:tgtEl>
                                          <p:spTgt spid="16"/>
                                        </p:tgtEl>
                                      </p:cBhvr>
                                    </p:animEffect>
                                  </p:childTnLst>
                                </p:cTn>
                              </p:par>
                            </p:childTnLst>
                          </p:cTn>
                        </p:par>
                        <p:par>
                          <p:cTn id="22" fill="hold">
                            <p:stCondLst>
                              <p:cond delay="500"/>
                            </p:stCondLst>
                            <p:childTnLst>
                              <p:par>
                                <p:cTn id="23" presetID="10" presetClass="entr" presetSubtype="0" fill="hold" nodeType="afterEffect">
                                  <p:stCondLst>
                                    <p:cond delay="0"/>
                                  </p:stCondLst>
                                  <p:childTnLst>
                                    <p:set>
                                      <p:cBhvr>
                                        <p:cTn id="24" dur="1" fill="hold">
                                          <p:stCondLst>
                                            <p:cond delay="0"/>
                                          </p:stCondLst>
                                        </p:cTn>
                                        <p:tgtEl>
                                          <p:spTgt spid="10"/>
                                        </p:tgtEl>
                                        <p:attrNameLst>
                                          <p:attrName>style.visibility</p:attrName>
                                        </p:attrNameLst>
                                      </p:cBhvr>
                                      <p:to>
                                        <p:strVal val="visible"/>
                                      </p:to>
                                    </p:set>
                                    <p:animEffect transition="in" filter="fade">
                                      <p:cBhvr>
                                        <p:cTn id="25" dur="500"/>
                                        <p:tgtEl>
                                          <p:spTgt spid="10"/>
                                        </p:tgtEl>
                                      </p:cBhvr>
                                    </p:animEffect>
                                  </p:childTnLst>
                                </p:cTn>
                              </p:par>
                            </p:childTnLst>
                          </p:cTn>
                        </p:par>
                      </p:childTnLst>
                    </p:cTn>
                  </p:par>
                  <p:par>
                    <p:cTn id="26" fill="hold">
                      <p:stCondLst>
                        <p:cond delay="indefinite"/>
                      </p:stCondLst>
                      <p:childTnLst>
                        <p:par>
                          <p:cTn id="27" fill="hold">
                            <p:stCondLst>
                              <p:cond delay="0"/>
                            </p:stCondLst>
                            <p:childTnLst>
                              <p:par>
                                <p:cTn id="28" presetID="10" presetClass="entr" presetSubtype="0" fill="hold" nodeType="clickEffect">
                                  <p:stCondLst>
                                    <p:cond delay="0"/>
                                  </p:stCondLst>
                                  <p:childTnLst>
                                    <p:set>
                                      <p:cBhvr>
                                        <p:cTn id="29" dur="1" fill="hold">
                                          <p:stCondLst>
                                            <p:cond delay="0"/>
                                          </p:stCondLst>
                                        </p:cTn>
                                        <p:tgtEl>
                                          <p:spTgt spid="15"/>
                                        </p:tgtEl>
                                        <p:attrNameLst>
                                          <p:attrName>style.visibility</p:attrName>
                                        </p:attrNameLst>
                                      </p:cBhvr>
                                      <p:to>
                                        <p:strVal val="visible"/>
                                      </p:to>
                                    </p:set>
                                    <p:animEffect transition="in" filter="fade">
                                      <p:cBhvr>
                                        <p:cTn id="30" dur="500"/>
                                        <p:tgtEl>
                                          <p:spTgt spid="15"/>
                                        </p:tgtEl>
                                      </p:cBhvr>
                                    </p:animEffect>
                                  </p:childTnLst>
                                </p:cTn>
                              </p:par>
                            </p:childTnLst>
                          </p:cTn>
                        </p:par>
                      </p:childTnLst>
                    </p:cTn>
                  </p:par>
                  <p:par>
                    <p:cTn id="31" fill="hold">
                      <p:stCondLst>
                        <p:cond delay="indefinite"/>
                      </p:stCondLst>
                      <p:childTnLst>
                        <p:par>
                          <p:cTn id="32" fill="hold">
                            <p:stCondLst>
                              <p:cond delay="0"/>
                            </p:stCondLst>
                            <p:childTnLst>
                              <p:par>
                                <p:cTn id="33" presetID="10" presetClass="entr" presetSubtype="0" fill="hold" nodeType="clickEffect">
                                  <p:stCondLst>
                                    <p:cond delay="0"/>
                                  </p:stCondLst>
                                  <p:iterate type="wd">
                                    <p:tmPct val="10000"/>
                                  </p:iterate>
                                  <p:childTnLst>
                                    <p:set>
                                      <p:cBhvr>
                                        <p:cTn id="34" dur="1" fill="hold">
                                          <p:stCondLst>
                                            <p:cond delay="0"/>
                                          </p:stCondLst>
                                        </p:cTn>
                                        <p:tgtEl>
                                          <p:spTgt spid="3">
                                            <p:txEl>
                                              <p:pRg st="5" end="5"/>
                                            </p:txEl>
                                          </p:spTgt>
                                        </p:tgtEl>
                                        <p:attrNameLst>
                                          <p:attrName>style.visibility</p:attrName>
                                        </p:attrNameLst>
                                      </p:cBhvr>
                                      <p:to>
                                        <p:strVal val="visible"/>
                                      </p:to>
                                    </p:set>
                                    <p:animEffect transition="in" filter="fade">
                                      <p:cBhvr>
                                        <p:cTn id="35" dur="500"/>
                                        <p:tgtEl>
                                          <p:spTgt spid="3">
                                            <p:txEl>
                                              <p:pRg st="5" end="5"/>
                                            </p:txEl>
                                          </p:spTgt>
                                        </p:tgtEl>
                                      </p:cBhvr>
                                    </p:animEffect>
                                  </p:childTnLst>
                                </p:cTn>
                              </p:par>
                            </p:childTnLst>
                          </p:cTn>
                        </p:par>
                        <p:par>
                          <p:cTn id="36" fill="hold">
                            <p:stCondLst>
                              <p:cond delay="500"/>
                            </p:stCondLst>
                            <p:childTnLst>
                              <p:par>
                                <p:cTn id="37" presetID="10" presetClass="entr" presetSubtype="0" fill="hold" nodeType="afterEffect">
                                  <p:stCondLst>
                                    <p:cond delay="0"/>
                                  </p:stCondLst>
                                  <p:childTnLst>
                                    <p:set>
                                      <p:cBhvr>
                                        <p:cTn id="38" dur="1" fill="hold">
                                          <p:stCondLst>
                                            <p:cond delay="0"/>
                                          </p:stCondLst>
                                        </p:cTn>
                                        <p:tgtEl>
                                          <p:spTgt spid="21"/>
                                        </p:tgtEl>
                                        <p:attrNameLst>
                                          <p:attrName>style.visibility</p:attrName>
                                        </p:attrNameLst>
                                      </p:cBhvr>
                                      <p:to>
                                        <p:strVal val="visible"/>
                                      </p:to>
                                    </p:set>
                                    <p:animEffect transition="in" filter="fade">
                                      <p:cBhvr>
                                        <p:cTn id="39" dur="500"/>
                                        <p:tgtEl>
                                          <p:spTgt spid="21"/>
                                        </p:tgtEl>
                                      </p:cBhvr>
                                    </p:animEffect>
                                  </p:childTnLst>
                                </p:cTn>
                              </p:par>
                            </p:childTnLst>
                          </p:cTn>
                        </p:par>
                      </p:childTnLst>
                    </p:cTn>
                  </p:par>
                  <p:par>
                    <p:cTn id="40" fill="hold">
                      <p:stCondLst>
                        <p:cond delay="indefinite"/>
                      </p:stCondLst>
                      <p:childTnLst>
                        <p:par>
                          <p:cTn id="41" fill="hold">
                            <p:stCondLst>
                              <p:cond delay="0"/>
                            </p:stCondLst>
                            <p:childTnLst>
                              <p:par>
                                <p:cTn id="42" presetID="10" presetClass="entr" presetSubtype="0" fill="hold" nodeType="clickEffect">
                                  <p:stCondLst>
                                    <p:cond delay="0"/>
                                  </p:stCondLst>
                                  <p:childTnLst>
                                    <p:set>
                                      <p:cBhvr>
                                        <p:cTn id="43" dur="1" fill="hold">
                                          <p:stCondLst>
                                            <p:cond delay="0"/>
                                          </p:stCondLst>
                                        </p:cTn>
                                        <p:tgtEl>
                                          <p:spTgt spid="1058"/>
                                        </p:tgtEl>
                                        <p:attrNameLst>
                                          <p:attrName>style.visibility</p:attrName>
                                        </p:attrNameLst>
                                      </p:cBhvr>
                                      <p:to>
                                        <p:strVal val="visible"/>
                                      </p:to>
                                    </p:set>
                                    <p:animEffect transition="in" filter="fade">
                                      <p:cBhvr>
                                        <p:cTn id="44" dur="500"/>
                                        <p:tgtEl>
                                          <p:spTgt spid="1058"/>
                                        </p:tgtEl>
                                      </p:cBhvr>
                                    </p:animEffect>
                                  </p:childTnLst>
                                </p:cTn>
                              </p:par>
                            </p:childTnLst>
                          </p:cTn>
                        </p:par>
                      </p:childTnLst>
                    </p:cTn>
                  </p:par>
                  <p:par>
                    <p:cTn id="45" fill="hold">
                      <p:stCondLst>
                        <p:cond delay="indefinite"/>
                      </p:stCondLst>
                      <p:childTnLst>
                        <p:par>
                          <p:cTn id="46" fill="hold">
                            <p:stCondLst>
                              <p:cond delay="0"/>
                            </p:stCondLst>
                            <p:childTnLst>
                              <p:par>
                                <p:cTn id="47" presetID="10" presetClass="entr" presetSubtype="0" fill="hold" nodeType="clickEffect">
                                  <p:stCondLst>
                                    <p:cond delay="0"/>
                                  </p:stCondLst>
                                  <p:iterate type="wd">
                                    <p:tmPct val="10000"/>
                                  </p:iterate>
                                  <p:childTnLst>
                                    <p:set>
                                      <p:cBhvr>
                                        <p:cTn id="48" dur="1" fill="hold">
                                          <p:stCondLst>
                                            <p:cond delay="0"/>
                                          </p:stCondLst>
                                        </p:cTn>
                                        <p:tgtEl>
                                          <p:spTgt spid="3">
                                            <p:txEl>
                                              <p:pRg st="13" end="13"/>
                                            </p:txEl>
                                          </p:spTgt>
                                        </p:tgtEl>
                                        <p:attrNameLst>
                                          <p:attrName>style.visibility</p:attrName>
                                        </p:attrNameLst>
                                      </p:cBhvr>
                                      <p:to>
                                        <p:strVal val="visible"/>
                                      </p:to>
                                    </p:set>
                                    <p:animEffect transition="in" filter="fade">
                                      <p:cBhvr>
                                        <p:cTn id="49" dur="500"/>
                                        <p:tgtEl>
                                          <p:spTgt spid="3">
                                            <p:txEl>
                                              <p:pRg st="13" end="13"/>
                                            </p:txEl>
                                          </p:spTgt>
                                        </p:tgtEl>
                                      </p:cBhvr>
                                    </p:animEffect>
                                  </p:childTnLst>
                                </p:cTn>
                              </p:par>
                            </p:childTnLst>
                          </p:cTn>
                        </p:par>
                        <p:par>
                          <p:cTn id="50" fill="hold">
                            <p:stCondLst>
                              <p:cond delay="850"/>
                            </p:stCondLst>
                            <p:childTnLst>
                              <p:par>
                                <p:cTn id="51" presetID="10" presetClass="entr" presetSubtype="0" fill="hold" grpId="0" nodeType="afterEffect">
                                  <p:stCondLst>
                                    <p:cond delay="0"/>
                                  </p:stCondLst>
                                  <p:childTnLst>
                                    <p:set>
                                      <p:cBhvr>
                                        <p:cTn id="52" dur="1" fill="hold">
                                          <p:stCondLst>
                                            <p:cond delay="0"/>
                                          </p:stCondLst>
                                        </p:cTn>
                                        <p:tgtEl>
                                          <p:spTgt spid="23"/>
                                        </p:tgtEl>
                                        <p:attrNameLst>
                                          <p:attrName>style.visibility</p:attrName>
                                        </p:attrNameLst>
                                      </p:cBhvr>
                                      <p:to>
                                        <p:strVal val="visible"/>
                                      </p:to>
                                    </p:set>
                                    <p:animEffect transition="in" filter="fade">
                                      <p:cBhvr>
                                        <p:cTn id="53" dur="500"/>
                                        <p:tgtEl>
                                          <p:spTgt spid="23"/>
                                        </p:tgtEl>
                                      </p:cBhvr>
                                    </p:animEffect>
                                  </p:childTnLst>
                                </p:cTn>
                              </p:par>
                            </p:childTnLst>
                          </p:cTn>
                        </p:par>
                        <p:par>
                          <p:cTn id="54" fill="hold">
                            <p:stCondLst>
                              <p:cond delay="1350"/>
                            </p:stCondLst>
                            <p:childTnLst>
                              <p:par>
                                <p:cTn id="55" presetID="10" presetClass="entr" presetSubtype="0" fill="hold" nodeType="afterEffect">
                                  <p:stCondLst>
                                    <p:cond delay="0"/>
                                  </p:stCondLst>
                                  <p:childTnLst>
                                    <p:set>
                                      <p:cBhvr>
                                        <p:cTn id="56" dur="1" fill="hold">
                                          <p:stCondLst>
                                            <p:cond delay="0"/>
                                          </p:stCondLst>
                                        </p:cTn>
                                        <p:tgtEl>
                                          <p:spTgt spid="2052"/>
                                        </p:tgtEl>
                                        <p:attrNameLst>
                                          <p:attrName>style.visibility</p:attrName>
                                        </p:attrNameLst>
                                      </p:cBhvr>
                                      <p:to>
                                        <p:strVal val="visible"/>
                                      </p:to>
                                    </p:set>
                                    <p:animEffect transition="in" filter="fade">
                                      <p:cBhvr>
                                        <p:cTn id="57" dur="500"/>
                                        <p:tgtEl>
                                          <p:spTgt spid="2052"/>
                                        </p:tgtEl>
                                      </p:cBhvr>
                                    </p:animEffect>
                                  </p:childTnLst>
                                </p:cTn>
                              </p:par>
                            </p:childTnLst>
                          </p:cTn>
                        </p:par>
                      </p:childTnLst>
                    </p:cTn>
                  </p:par>
                  <p:par>
                    <p:cTn id="58" fill="hold">
                      <p:stCondLst>
                        <p:cond delay="indefinite"/>
                      </p:stCondLst>
                      <p:childTnLst>
                        <p:par>
                          <p:cTn id="59" fill="hold">
                            <p:stCondLst>
                              <p:cond delay="0"/>
                            </p:stCondLst>
                            <p:childTnLst>
                              <p:par>
                                <p:cTn id="60" presetID="10" presetClass="entr" presetSubtype="0" fill="hold" nodeType="clickEffect">
                                  <p:stCondLst>
                                    <p:cond delay="0"/>
                                  </p:stCondLst>
                                  <p:iterate type="wd">
                                    <p:tmPct val="10000"/>
                                  </p:iterate>
                                  <p:childTnLst>
                                    <p:set>
                                      <p:cBhvr>
                                        <p:cTn id="61" dur="1" fill="hold">
                                          <p:stCondLst>
                                            <p:cond delay="0"/>
                                          </p:stCondLst>
                                        </p:cTn>
                                        <p:tgtEl>
                                          <p:spTgt spid="3">
                                            <p:txEl>
                                              <p:pRg st="14" end="14"/>
                                            </p:txEl>
                                          </p:spTgt>
                                        </p:tgtEl>
                                        <p:attrNameLst>
                                          <p:attrName>style.visibility</p:attrName>
                                        </p:attrNameLst>
                                      </p:cBhvr>
                                      <p:to>
                                        <p:strVal val="visible"/>
                                      </p:to>
                                    </p:set>
                                    <p:animEffect transition="in" filter="fade">
                                      <p:cBhvr>
                                        <p:cTn id="62" dur="500"/>
                                        <p:tgtEl>
                                          <p:spTgt spid="3">
                                            <p:txEl>
                                              <p:pRg st="14" end="14"/>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animBg="1"/>
      <p:bldP spid="16" grpId="0" animBg="1"/>
      <p:bldP spid="11" grpId="0"/>
      <p:bldP spid="12" grpId="0"/>
      <p:bldP spid="23" grpId="0" animBg="1"/>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4A22AC48-EA24-7EB0-9196-D0AD0C6759CD}"/>
              </a:ext>
            </a:extLst>
          </p:cNvPr>
          <p:cNvSpPr>
            <a:spLocks noGrp="1"/>
          </p:cNvSpPr>
          <p:nvPr>
            <p:ph type="subTitle" idx="13"/>
          </p:nvPr>
        </p:nvSpPr>
        <p:spPr/>
        <p:txBody>
          <a:bodyPr/>
          <a:lstStyle/>
          <a:p>
            <a:endParaRPr lang="en-GB"/>
          </a:p>
        </p:txBody>
      </p:sp>
      <p:sp>
        <p:nvSpPr>
          <p:cNvPr id="3" name="Content Placeholder 2">
            <a:extLst>
              <a:ext uri="{FF2B5EF4-FFF2-40B4-BE49-F238E27FC236}">
                <a16:creationId xmlns:a16="http://schemas.microsoft.com/office/drawing/2014/main" id="{36A0B690-678D-46C7-F4CE-08B7B03E4015}"/>
              </a:ext>
            </a:extLst>
          </p:cNvPr>
          <p:cNvSpPr>
            <a:spLocks noGrp="1"/>
          </p:cNvSpPr>
          <p:nvPr>
            <p:ph idx="1"/>
          </p:nvPr>
        </p:nvSpPr>
        <p:spPr/>
        <p:txBody>
          <a:bodyPr/>
          <a:lstStyle/>
          <a:p>
            <a:r>
              <a:rPr lang="en-US" sz="1800" b="1" dirty="0" err="1"/>
              <a:t>Bewustwording</a:t>
            </a:r>
            <a:r>
              <a:rPr lang="en-US" sz="1800" b="1" dirty="0"/>
              <a:t> </a:t>
            </a:r>
            <a:r>
              <a:rPr lang="en-US" sz="1800" b="1" dirty="0" err="1"/>
              <a:t>creeren</a:t>
            </a:r>
            <a:endParaRPr lang="en-US" sz="1800" b="1" dirty="0"/>
          </a:p>
          <a:p>
            <a:endParaRPr lang="en-US" sz="1800" b="1" dirty="0"/>
          </a:p>
          <a:p>
            <a:r>
              <a:rPr lang="en-US" sz="1800" b="1" dirty="0">
                <a:solidFill>
                  <a:srgbClr val="C00000"/>
                </a:solidFill>
              </a:rPr>
              <a:t>Op basis van </a:t>
            </a:r>
            <a:r>
              <a:rPr lang="en-US" sz="1800" b="1" dirty="0" err="1">
                <a:solidFill>
                  <a:srgbClr val="C00000"/>
                </a:solidFill>
              </a:rPr>
              <a:t>vrijwilligheid</a:t>
            </a:r>
            <a:r>
              <a:rPr lang="en-US" sz="1800" b="1" dirty="0">
                <a:solidFill>
                  <a:srgbClr val="C00000"/>
                </a:solidFill>
              </a:rPr>
              <a:t>:</a:t>
            </a:r>
          </a:p>
          <a:p>
            <a:pPr lvl="1"/>
            <a:r>
              <a:rPr lang="en-US" sz="1800" b="1" dirty="0" err="1"/>
              <a:t>Meedoen</a:t>
            </a:r>
            <a:r>
              <a:rPr lang="en-US" sz="1800" b="1" dirty="0"/>
              <a:t> </a:t>
            </a:r>
            <a:r>
              <a:rPr lang="en-US" sz="1800" b="1" dirty="0" err="1"/>
              <a:t>aan</a:t>
            </a:r>
            <a:r>
              <a:rPr lang="en-US" sz="1800" b="1" dirty="0"/>
              <a:t> </a:t>
            </a:r>
            <a:r>
              <a:rPr lang="en-US" sz="1800" b="1" dirty="0" err="1"/>
              <a:t>onderzoek</a:t>
            </a:r>
            <a:r>
              <a:rPr lang="en-US" sz="1800" b="1" dirty="0"/>
              <a:t> </a:t>
            </a:r>
          </a:p>
          <a:p>
            <a:pPr lvl="2"/>
            <a:r>
              <a:rPr lang="en-US" sz="1800" dirty="0"/>
              <a:t>(</a:t>
            </a:r>
            <a:r>
              <a:rPr lang="en-US" sz="1800" dirty="0" err="1"/>
              <a:t>slechts</a:t>
            </a:r>
            <a:r>
              <a:rPr lang="en-US" sz="1800" dirty="0"/>
              <a:t> 5-10% van alle </a:t>
            </a:r>
            <a:r>
              <a:rPr lang="en-US" sz="1800" dirty="0" err="1"/>
              <a:t>kankerpatienten</a:t>
            </a:r>
            <a:r>
              <a:rPr lang="en-US" sz="1800" dirty="0"/>
              <a:t> </a:t>
            </a:r>
            <a:r>
              <a:rPr lang="en-US" sz="1800" dirty="0" err="1"/>
              <a:t>doen</a:t>
            </a:r>
            <a:r>
              <a:rPr lang="en-US" sz="1800" dirty="0"/>
              <a:t> mee in </a:t>
            </a:r>
            <a:r>
              <a:rPr lang="en-US" sz="1800" dirty="0" err="1"/>
              <a:t>een</a:t>
            </a:r>
            <a:r>
              <a:rPr lang="en-US" sz="1800" dirty="0"/>
              <a:t> </a:t>
            </a:r>
            <a:r>
              <a:rPr lang="en-US" sz="1800" dirty="0" err="1"/>
              <a:t>klinische</a:t>
            </a:r>
            <a:r>
              <a:rPr lang="en-US" sz="1800" dirty="0"/>
              <a:t> trial)</a:t>
            </a:r>
          </a:p>
          <a:p>
            <a:pPr lvl="1"/>
            <a:r>
              <a:rPr lang="en-GB" sz="1800" b="1" dirty="0" err="1"/>
              <a:t>Weefsel</a:t>
            </a:r>
            <a:r>
              <a:rPr lang="en-GB" sz="1800" b="1" dirty="0"/>
              <a:t> </a:t>
            </a:r>
            <a:r>
              <a:rPr lang="en-GB" sz="1800" b="1" dirty="0" err="1"/>
              <a:t>beschikbaar</a:t>
            </a:r>
            <a:r>
              <a:rPr lang="en-GB" sz="1800" b="1" dirty="0"/>
              <a:t> </a:t>
            </a:r>
            <a:r>
              <a:rPr lang="en-GB" sz="1800" b="1" dirty="0" err="1"/>
              <a:t>stellen</a:t>
            </a:r>
            <a:r>
              <a:rPr lang="en-GB" sz="1800" b="1" dirty="0"/>
              <a:t> </a:t>
            </a:r>
            <a:r>
              <a:rPr lang="en-GB" sz="1800" b="1" dirty="0" err="1"/>
              <a:t>voor</a:t>
            </a:r>
            <a:r>
              <a:rPr lang="en-GB" sz="1800" b="1" dirty="0"/>
              <a:t> </a:t>
            </a:r>
            <a:r>
              <a:rPr lang="en-GB" sz="1800" b="1" dirty="0" err="1"/>
              <a:t>onderzoek</a:t>
            </a:r>
            <a:r>
              <a:rPr lang="en-GB" sz="1800" b="1" dirty="0"/>
              <a:t> </a:t>
            </a:r>
          </a:p>
        </p:txBody>
      </p:sp>
      <p:sp>
        <p:nvSpPr>
          <p:cNvPr id="4" name="Title 3">
            <a:extLst>
              <a:ext uri="{FF2B5EF4-FFF2-40B4-BE49-F238E27FC236}">
                <a16:creationId xmlns:a16="http://schemas.microsoft.com/office/drawing/2014/main" id="{6D6B76FE-F238-8C1B-1B32-AD05BB36C086}"/>
              </a:ext>
            </a:extLst>
          </p:cNvPr>
          <p:cNvSpPr>
            <a:spLocks noGrp="1"/>
          </p:cNvSpPr>
          <p:nvPr>
            <p:ph type="title"/>
          </p:nvPr>
        </p:nvSpPr>
        <p:spPr/>
        <p:txBody>
          <a:bodyPr/>
          <a:lstStyle/>
          <a:p>
            <a:r>
              <a:rPr lang="en-US" dirty="0"/>
              <a:t>Wat </a:t>
            </a:r>
            <a:r>
              <a:rPr lang="en-US" dirty="0" err="1"/>
              <a:t>kunnen</a:t>
            </a:r>
            <a:r>
              <a:rPr lang="en-US" dirty="0"/>
              <a:t> </a:t>
            </a:r>
            <a:r>
              <a:rPr lang="en-US" dirty="0" err="1"/>
              <a:t>patienten</a:t>
            </a:r>
            <a:r>
              <a:rPr lang="en-US" dirty="0"/>
              <a:t> </a:t>
            </a:r>
            <a:r>
              <a:rPr lang="en-US" dirty="0" err="1"/>
              <a:t>doen</a:t>
            </a:r>
            <a:r>
              <a:rPr lang="en-US" dirty="0"/>
              <a:t>?</a:t>
            </a:r>
            <a:endParaRPr lang="en-GB" dirty="0"/>
          </a:p>
        </p:txBody>
      </p:sp>
      <p:sp>
        <p:nvSpPr>
          <p:cNvPr id="5" name="Date Placeholder 4">
            <a:extLst>
              <a:ext uri="{FF2B5EF4-FFF2-40B4-BE49-F238E27FC236}">
                <a16:creationId xmlns:a16="http://schemas.microsoft.com/office/drawing/2014/main" id="{90F76349-F6A7-9027-CBD3-8F16E3CD4657}"/>
              </a:ext>
            </a:extLst>
          </p:cNvPr>
          <p:cNvSpPr>
            <a:spLocks noGrp="1"/>
          </p:cNvSpPr>
          <p:nvPr>
            <p:ph type="dt" sz="half" idx="14"/>
          </p:nvPr>
        </p:nvSpPr>
        <p:spPr/>
        <p:txBody>
          <a:bodyPr/>
          <a:lstStyle/>
          <a:p>
            <a:fld id="{E02C8C58-7455-42B9-A9FD-EE48EC293C11}" type="datetime1">
              <a:rPr lang="en-GB" smtClean="0"/>
              <a:t>15/03/2025</a:t>
            </a:fld>
            <a:endParaRPr lang="en-GB"/>
          </a:p>
        </p:txBody>
      </p:sp>
      <p:sp>
        <p:nvSpPr>
          <p:cNvPr id="6" name="Footer Placeholder 5">
            <a:extLst>
              <a:ext uri="{FF2B5EF4-FFF2-40B4-BE49-F238E27FC236}">
                <a16:creationId xmlns:a16="http://schemas.microsoft.com/office/drawing/2014/main" id="{0F4DAB59-F903-2814-A819-20ACD7A2B5FC}"/>
              </a:ext>
            </a:extLst>
          </p:cNvPr>
          <p:cNvSpPr>
            <a:spLocks noGrp="1"/>
          </p:cNvSpPr>
          <p:nvPr>
            <p:ph type="ftr" sz="quarter" idx="15"/>
          </p:nvPr>
        </p:nvSpPr>
        <p:spPr/>
        <p:txBody>
          <a:bodyPr/>
          <a:lstStyle/>
          <a:p>
            <a:endParaRPr lang="en-GB"/>
          </a:p>
        </p:txBody>
      </p:sp>
      <p:sp>
        <p:nvSpPr>
          <p:cNvPr id="7" name="Slide Number Placeholder 6">
            <a:extLst>
              <a:ext uri="{FF2B5EF4-FFF2-40B4-BE49-F238E27FC236}">
                <a16:creationId xmlns:a16="http://schemas.microsoft.com/office/drawing/2014/main" id="{95F5EC35-D21F-0F3C-4DBD-A3018F877658}"/>
              </a:ext>
            </a:extLst>
          </p:cNvPr>
          <p:cNvSpPr>
            <a:spLocks noGrp="1"/>
          </p:cNvSpPr>
          <p:nvPr>
            <p:ph type="sldNum" sz="quarter" idx="16"/>
          </p:nvPr>
        </p:nvSpPr>
        <p:spPr/>
        <p:txBody>
          <a:bodyPr/>
          <a:lstStyle/>
          <a:p>
            <a:fld id="{83D1311D-0AF4-BF42-8BF9-EAD1FE65203C}" type="slidenum">
              <a:rPr lang="en-GB" smtClean="0"/>
              <a:pPr/>
              <a:t>21</a:t>
            </a:fld>
            <a:endParaRPr lang="en-GB"/>
          </a:p>
        </p:txBody>
      </p:sp>
    </p:spTree>
    <p:extLst>
      <p:ext uri="{BB962C8B-B14F-4D97-AF65-F5344CB8AC3E}">
        <p14:creationId xmlns:p14="http://schemas.microsoft.com/office/powerpoint/2010/main" val="238847290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98" name="2025_template publieksdag_02.jpg" descr="2025_template publieksdag_02.jpg"/>
          <p:cNvPicPr>
            <a:picLocks noChangeAspect="1"/>
          </p:cNvPicPr>
          <p:nvPr/>
        </p:nvPicPr>
        <p:blipFill>
          <a:blip r:embed="rId2"/>
          <a:stretch>
            <a:fillRect/>
          </a:stretch>
        </p:blipFill>
        <p:spPr>
          <a:xfrm>
            <a:off x="0" y="0"/>
            <a:ext cx="12192000" cy="6858000"/>
          </a:xfrm>
          <a:prstGeom prst="rect">
            <a:avLst/>
          </a:prstGeom>
          <a:ln w="12700">
            <a:miter lim="400000"/>
          </a:ln>
        </p:spPr>
      </p:pic>
      <p:sp>
        <p:nvSpPr>
          <p:cNvPr id="299" name="Wijzig tekst: klik 2x"/>
          <p:cNvSpPr txBox="1">
            <a:spLocks noGrp="1"/>
          </p:cNvSpPr>
          <p:nvPr>
            <p:ph type="body" idx="4294967295"/>
          </p:nvPr>
        </p:nvSpPr>
        <p:spPr>
          <a:xfrm>
            <a:off x="381000" y="1385628"/>
            <a:ext cx="11430000" cy="4744585"/>
          </a:xfrm>
          <a:prstGeom prst="rect">
            <a:avLst/>
          </a:prstGeom>
        </p:spPr>
        <p:txBody>
          <a:bodyPr lIns="0" tIns="0" rIns="0" bIns="0"/>
          <a:lstStyle/>
          <a:p>
            <a:pPr marL="290513" indent="-290513">
              <a:lnSpc>
                <a:spcPct val="100000"/>
              </a:lnSpc>
              <a:spcBef>
                <a:spcPts val="1300"/>
              </a:spcBef>
              <a:buClr>
                <a:srgbClr val="006DB2"/>
              </a:buClr>
              <a:buFontTx/>
              <a:defRPr sz="2500">
                <a:solidFill>
                  <a:srgbClr val="752120"/>
                </a:solidFill>
                <a:latin typeface="Montserrat ExtraLight"/>
                <a:ea typeface="Montserrat ExtraLight"/>
                <a:cs typeface="Montserrat ExtraLight"/>
                <a:sym typeface="Montserrat ExtraLight"/>
              </a:defRPr>
            </a:pPr>
            <a:endParaRPr/>
          </a:p>
        </p:txBody>
      </p:sp>
      <p:sp>
        <p:nvSpPr>
          <p:cNvPr id="300" name="Wijzig tekst: klik 2x"/>
          <p:cNvSpPr txBox="1">
            <a:spLocks noGrp="1"/>
          </p:cNvSpPr>
          <p:nvPr>
            <p:ph type="title" idx="4294967295"/>
          </p:nvPr>
        </p:nvSpPr>
        <p:spPr>
          <a:xfrm>
            <a:off x="381000" y="0"/>
            <a:ext cx="10668000" cy="1131888"/>
          </a:xfrm>
          <a:prstGeom prst="rect">
            <a:avLst/>
          </a:prstGeom>
        </p:spPr>
        <p:txBody>
          <a:bodyPr lIns="0" tIns="0" rIns="0" bIns="0"/>
          <a:lstStyle/>
          <a:p>
            <a:pPr>
              <a:lnSpc>
                <a:spcPct val="100000"/>
              </a:lnSpc>
              <a:defRPr sz="3000">
                <a:solidFill>
                  <a:srgbClr val="FFFFFF"/>
                </a:solidFill>
                <a:latin typeface="Montserrat SemiBold"/>
                <a:ea typeface="Montserrat SemiBold"/>
                <a:cs typeface="Montserrat SemiBold"/>
                <a:sym typeface="Montserrat SemiBold"/>
              </a:defRPr>
            </a:pPr>
            <a:endParaRPr/>
          </a:p>
        </p:txBody>
      </p:sp>
      <p:sp>
        <p:nvSpPr>
          <p:cNvPr id="2" name="Content Placeholder 2">
            <a:extLst>
              <a:ext uri="{FF2B5EF4-FFF2-40B4-BE49-F238E27FC236}">
                <a16:creationId xmlns:a16="http://schemas.microsoft.com/office/drawing/2014/main" id="{9CF4B927-4908-CB35-B1E0-FD5C70794A8B}"/>
              </a:ext>
            </a:extLst>
          </p:cNvPr>
          <p:cNvSpPr txBox="1">
            <a:spLocks/>
          </p:cNvSpPr>
          <p:nvPr/>
        </p:nvSpPr>
        <p:spPr>
          <a:xfrm>
            <a:off x="2916215" y="6018807"/>
            <a:ext cx="5793219" cy="547974"/>
          </a:xfrm>
          <a:prstGeom prst="rect">
            <a:avLst/>
          </a:prstGeom>
        </p:spPr>
        <p:txBody>
          <a:bodyPr/>
          <a:lstStyle>
            <a:lvl1pPr marL="228600" indent="-228600" algn="l" rtl="0" eaLnBrk="0" fontAlgn="base" hangingPunct="0">
              <a:lnSpc>
                <a:spcPct val="90000"/>
              </a:lnSpc>
              <a:spcBef>
                <a:spcPts val="1000"/>
              </a:spcBef>
              <a:spcAft>
                <a:spcPct val="0"/>
              </a:spcAft>
              <a:buFont typeface="Arial" panose="020B0604020202020204" pitchFamily="34" charset="0"/>
              <a:buChar char="•"/>
              <a:defRPr sz="2800" kern="1200">
                <a:solidFill>
                  <a:schemeClr val="tx2"/>
                </a:solidFill>
                <a:latin typeface="Arial" panose="020B0604020202020204" pitchFamily="34" charset="0"/>
                <a:ea typeface="+mn-ea"/>
                <a:cs typeface="Arial" panose="020B0604020202020204" pitchFamily="34" charset="0"/>
              </a:defRPr>
            </a:lvl1pPr>
            <a:lvl2pPr marL="685800" indent="-228600" algn="l" rtl="0" eaLnBrk="0" fontAlgn="base" hangingPunct="0">
              <a:lnSpc>
                <a:spcPct val="90000"/>
              </a:lnSpc>
              <a:spcBef>
                <a:spcPts val="500"/>
              </a:spcBef>
              <a:spcAft>
                <a:spcPct val="0"/>
              </a:spcAft>
              <a:buFont typeface="Arial" panose="020B0604020202020204" pitchFamily="34" charset="0"/>
              <a:buChar char="•"/>
              <a:defRPr sz="2400" kern="1200">
                <a:solidFill>
                  <a:schemeClr val="tx2"/>
                </a:solidFill>
                <a:latin typeface="Arial" panose="020B0604020202020204" pitchFamily="34" charset="0"/>
                <a:ea typeface="+mn-ea"/>
                <a:cs typeface="Arial" panose="020B0604020202020204" pitchFamily="34" charset="0"/>
              </a:defRPr>
            </a:lvl2pPr>
            <a:lvl3pPr marL="1143000" indent="-228600" algn="l" rtl="0" eaLnBrk="0" fontAlgn="base" hangingPunct="0">
              <a:lnSpc>
                <a:spcPct val="90000"/>
              </a:lnSpc>
              <a:spcBef>
                <a:spcPts val="500"/>
              </a:spcBef>
              <a:spcAft>
                <a:spcPct val="0"/>
              </a:spcAft>
              <a:buFont typeface="Arial" panose="020B0604020202020204" pitchFamily="34" charset="0"/>
              <a:buChar char="•"/>
              <a:defRPr sz="2000" kern="1200">
                <a:solidFill>
                  <a:schemeClr val="tx2"/>
                </a:solidFill>
                <a:latin typeface="Arial" panose="020B0604020202020204" pitchFamily="34" charset="0"/>
                <a:ea typeface="+mn-ea"/>
                <a:cs typeface="Arial" panose="020B0604020202020204" pitchFamily="34" charset="0"/>
              </a:defRPr>
            </a:lvl3pPr>
            <a:lvl4pPr marL="16002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4pPr>
            <a:lvl5pPr marL="20574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Font typeface="Arial" panose="020B0604020202020204" pitchFamily="34" charset="0"/>
              <a:buNone/>
            </a:pPr>
            <a:r>
              <a:rPr lang="en-US"/>
              <a:t>Vragen: </a:t>
            </a:r>
            <a:r>
              <a:rPr lang="en-US">
                <a:solidFill>
                  <a:srgbClr val="C00000"/>
                </a:solidFill>
              </a:rPr>
              <a:t>p.french@erasmusmc.nl</a:t>
            </a:r>
            <a:endParaRPr lang="en-NL" dirty="0">
              <a:solidFill>
                <a:srgbClr val="C00000"/>
              </a:solidFill>
            </a:endParaRPr>
          </a:p>
        </p:txBody>
      </p:sp>
      <p:pic>
        <p:nvPicPr>
          <p:cNvPr id="3" name="Picture 2" descr="It takes a Village to raise a child…”">
            <a:extLst>
              <a:ext uri="{FF2B5EF4-FFF2-40B4-BE49-F238E27FC236}">
                <a16:creationId xmlns:a16="http://schemas.microsoft.com/office/drawing/2014/main" id="{F5B21C00-0A09-950A-CCC4-29ED7C647B26}"/>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277487" y="1483908"/>
            <a:ext cx="7540590" cy="4397398"/>
          </a:xfrm>
          <a:prstGeom prst="rect">
            <a:avLst/>
          </a:prstGeom>
          <a:noFill/>
          <a:extLst>
            <a:ext uri="{909E8E84-426E-40DD-AFC4-6F175D3DCCD1}">
              <a14:hiddenFill xmlns:a14="http://schemas.microsoft.com/office/drawing/2010/main">
                <a:solidFill>
                  <a:srgbClr val="FFFFFF"/>
                </a:solidFill>
              </a14:hiddenFill>
            </a:ext>
          </a:extLst>
        </p:spPr>
      </p:pic>
      <p:pic>
        <p:nvPicPr>
          <p:cNvPr id="4" name="Picture 4" descr="If your goals feel too big don’t change your goals, change your habits and  the steps towards those goals. , Baby steps are still steps. , ‘It’s not  about the goal it's about the system. It is your ...">
            <a:extLst>
              <a:ext uri="{FF2B5EF4-FFF2-40B4-BE49-F238E27FC236}">
                <a16:creationId xmlns:a16="http://schemas.microsoft.com/office/drawing/2014/main" id="{3770515D-4BAE-2A83-1209-0764280C6C69}"/>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960067" y="1483906"/>
            <a:ext cx="2462543" cy="4397399"/>
          </a:xfrm>
          <a:prstGeom prst="rect">
            <a:avLst/>
          </a:prstGeom>
          <a:noFill/>
          <a:extLst>
            <a:ext uri="{909E8E84-426E-40DD-AFC4-6F175D3DCCD1}">
              <a14:hiddenFill xmlns:a14="http://schemas.microsoft.com/office/drawing/2010/main">
                <a:solidFill>
                  <a:srgbClr val="FFFFFF"/>
                </a:solidFill>
              </a14:hiddenFill>
            </a:ext>
          </a:extLst>
        </p:spPr>
      </p:pic>
    </p:spTree>
  </p:cSld>
  <p:clrMapOvr>
    <a:masterClrMapping/>
  </p:clrMapOvr>
  <mc:AlternateContent xmlns:mc="http://schemas.openxmlformats.org/markup-compatibility/2006" xmlns:p14="http://schemas.microsoft.com/office/powerpoint/2010/main">
    <mc:Choice Requires="p14">
      <p:transition spd="slow">
        <p:wipe dir="r"/>
      </p:transition>
    </mc:Choice>
    <mc:Fallback xmlns:a14="http://schemas.microsoft.com/office/drawing/2010/main" xmlns:m="http://schemas.openxmlformats.org/officeDocument/2006/math" xmlns="">
      <p:transition spd="med">
        <p:fade/>
      </p:transition>
    </mc:Fallback>
  </mc:AlternateContent>
</p:sld>
</file>

<file path=ppt/slides/slide2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C4E5B2-3CB2-C6EF-1D87-FDFBCF8357F8}"/>
              </a:ext>
            </a:extLst>
          </p:cNvPr>
          <p:cNvSpPr>
            <a:spLocks noGrp="1"/>
          </p:cNvSpPr>
          <p:nvPr>
            <p:ph type="title"/>
          </p:nvPr>
        </p:nvSpPr>
        <p:spPr/>
        <p:txBody>
          <a:bodyPr/>
          <a:lstStyle/>
          <a:p>
            <a:endParaRPr lang="en-GB"/>
          </a:p>
        </p:txBody>
      </p:sp>
      <p:sp>
        <p:nvSpPr>
          <p:cNvPr id="3" name="Content Placeholder 2">
            <a:extLst>
              <a:ext uri="{FF2B5EF4-FFF2-40B4-BE49-F238E27FC236}">
                <a16:creationId xmlns:a16="http://schemas.microsoft.com/office/drawing/2014/main" id="{141B1C2A-6042-2CF7-91E5-9411403ED41B}"/>
              </a:ext>
            </a:extLst>
          </p:cNvPr>
          <p:cNvSpPr>
            <a:spLocks noGrp="1"/>
          </p:cNvSpPr>
          <p:nvPr>
            <p:ph idx="1"/>
          </p:nvPr>
        </p:nvSpPr>
        <p:spPr/>
        <p:txBody>
          <a:bodyPr/>
          <a:lstStyle/>
          <a:p>
            <a:r>
              <a:rPr lang="en-GB" sz="2000" b="1" dirty="0">
                <a:hlinkClick r:id="rId2"/>
              </a:rPr>
              <a:t>‘The woman who fooled the world’</a:t>
            </a:r>
            <a:endParaRPr lang="en-GB" sz="2000" b="1" dirty="0"/>
          </a:p>
          <a:p>
            <a:r>
              <a:rPr lang="en-GB" sz="2000" dirty="0"/>
              <a:t>The story of Belle Gibson, an Australian health influencer who falsely claimed that she had terminal brain cancer in 2009, </a:t>
            </a:r>
            <a:r>
              <a:rPr lang="en-GB" sz="2000" dirty="0">
                <a:hlinkClick r:id="rId3"/>
              </a:rPr>
              <a:t>is portrayed in a Netflix series called </a:t>
            </a:r>
            <a:r>
              <a:rPr lang="en-GB" sz="2000" i="1" dirty="0">
                <a:hlinkClick r:id="rId4"/>
              </a:rPr>
              <a:t>Apple Cider Vinegar</a:t>
            </a:r>
            <a:r>
              <a:rPr lang="en-GB" sz="2000" dirty="0"/>
              <a:t>. The show was inspired by a book, </a:t>
            </a:r>
            <a:r>
              <a:rPr lang="en-GB" sz="2000" i="1" dirty="0"/>
              <a:t>The Woman Who Fooled the World</a:t>
            </a:r>
            <a:r>
              <a:rPr lang="en-GB" sz="2000" dirty="0"/>
              <a:t>, written by the two investigative journalists who exposed Gibson’s scam. Gibson grew her health brand by claiming that she had ditched chemotherapy and radiotherapy and was instead pursuing alternative therapies. She quickly accrued 200,000 followers on Instagram, launched an app and published a cookbook. In 2016, the Federal Court of Australia ruled that Gibson had engaged in misleading and deceptive conduct and she was ordered to pay AU$410,000 in penalties.</a:t>
            </a:r>
          </a:p>
          <a:p>
            <a:endParaRPr lang="en-GB" sz="2000" dirty="0"/>
          </a:p>
          <a:p>
            <a:pPr algn="l" fontAlgn="base"/>
            <a:r>
              <a:rPr lang="en-US" sz="1400" b="0" i="0" dirty="0">
                <a:solidFill>
                  <a:srgbClr val="333333"/>
                </a:solidFill>
                <a:effectLst/>
                <a:latin typeface="Proxima Nova"/>
              </a:rPr>
              <a:t>Leading melanoma pathologist Professor Richard </a:t>
            </a:r>
            <a:r>
              <a:rPr lang="en-US" sz="1400" b="0" i="0" dirty="0" err="1">
                <a:solidFill>
                  <a:srgbClr val="333333"/>
                </a:solidFill>
                <a:effectLst/>
                <a:latin typeface="Proxima Nova"/>
              </a:rPr>
              <a:t>Scolyer</a:t>
            </a:r>
            <a:r>
              <a:rPr lang="en-US" sz="1400" b="0" i="0" dirty="0">
                <a:solidFill>
                  <a:srgbClr val="333333"/>
                </a:solidFill>
                <a:effectLst/>
                <a:latin typeface="Proxima Nova"/>
              </a:rPr>
              <a:t> has revealed his brain cancer is back and he could have just three months to live.</a:t>
            </a:r>
          </a:p>
          <a:p>
            <a:pPr algn="l" fontAlgn="base"/>
            <a:r>
              <a:rPr lang="en-US" sz="1400" b="0" i="0" dirty="0">
                <a:solidFill>
                  <a:srgbClr val="333333"/>
                </a:solidFill>
                <a:effectLst/>
                <a:latin typeface="Proxima Nova"/>
              </a:rPr>
              <a:t>In an emotional interview with </a:t>
            </a:r>
            <a:r>
              <a:rPr lang="en-US" sz="1400" b="0" i="1" dirty="0">
                <a:solidFill>
                  <a:srgbClr val="333333"/>
                </a:solidFill>
                <a:effectLst/>
                <a:latin typeface="inherit"/>
              </a:rPr>
              <a:t>A Current Affair,</a:t>
            </a:r>
            <a:r>
              <a:rPr lang="en-US" sz="1400" b="0" i="0" dirty="0">
                <a:solidFill>
                  <a:srgbClr val="333333"/>
                </a:solidFill>
                <a:effectLst/>
                <a:latin typeface="Proxima Nova"/>
              </a:rPr>
              <a:t> </a:t>
            </a:r>
            <a:r>
              <a:rPr lang="en-US" sz="1400" b="0" i="0" dirty="0" err="1">
                <a:solidFill>
                  <a:srgbClr val="333333"/>
                </a:solidFill>
                <a:effectLst/>
                <a:latin typeface="Proxima Nova"/>
              </a:rPr>
              <a:t>Scolyer</a:t>
            </a:r>
            <a:r>
              <a:rPr lang="en-US" sz="1400" b="0" i="0" dirty="0">
                <a:solidFill>
                  <a:srgbClr val="333333"/>
                </a:solidFill>
                <a:effectLst/>
                <a:latin typeface="Proxima Nova"/>
              </a:rPr>
              <a:t> told host Ally Langdon an "aggressive" </a:t>
            </a:r>
            <a:r>
              <a:rPr lang="en-US" sz="1400" b="0" i="0" dirty="0" err="1">
                <a:solidFill>
                  <a:srgbClr val="333333"/>
                </a:solidFill>
                <a:effectLst/>
                <a:latin typeface="Proxima Nova"/>
              </a:rPr>
              <a:t>tumour</a:t>
            </a:r>
            <a:r>
              <a:rPr lang="en-US" sz="1400" b="0" i="0" dirty="0">
                <a:solidFill>
                  <a:srgbClr val="333333"/>
                </a:solidFill>
                <a:effectLst/>
                <a:latin typeface="Proxima Nova"/>
              </a:rPr>
              <a:t> was discovered in his brain during surgery last Monday.</a:t>
            </a:r>
          </a:p>
          <a:p>
            <a:r>
              <a:rPr lang="en-GB" sz="2000" dirty="0"/>
              <a:t> </a:t>
            </a:r>
          </a:p>
        </p:txBody>
      </p:sp>
      <p:sp>
        <p:nvSpPr>
          <p:cNvPr id="4" name="Date Placeholder 3">
            <a:extLst>
              <a:ext uri="{FF2B5EF4-FFF2-40B4-BE49-F238E27FC236}">
                <a16:creationId xmlns:a16="http://schemas.microsoft.com/office/drawing/2014/main" id="{35CC5547-7100-6DD9-837F-6AE1BB8EE560}"/>
              </a:ext>
            </a:extLst>
          </p:cNvPr>
          <p:cNvSpPr>
            <a:spLocks noGrp="1"/>
          </p:cNvSpPr>
          <p:nvPr>
            <p:ph type="dt" sz="half" idx="10"/>
          </p:nvPr>
        </p:nvSpPr>
        <p:spPr/>
        <p:txBody>
          <a:bodyPr/>
          <a:lstStyle/>
          <a:p>
            <a:pPr>
              <a:defRPr/>
            </a:pPr>
            <a:fld id="{4FE1841C-76BD-45D0-AC4E-28DF604A4DF5}" type="datetime1">
              <a:rPr lang="nl-NL" smtClean="0"/>
              <a:t>15-03-2025</a:t>
            </a:fld>
            <a:endParaRPr lang="nl-NL"/>
          </a:p>
        </p:txBody>
      </p:sp>
      <p:sp>
        <p:nvSpPr>
          <p:cNvPr id="5" name="Slide Number Placeholder 4">
            <a:extLst>
              <a:ext uri="{FF2B5EF4-FFF2-40B4-BE49-F238E27FC236}">
                <a16:creationId xmlns:a16="http://schemas.microsoft.com/office/drawing/2014/main" id="{FC1D1696-A819-63F8-DDBA-23C91B5A3997}"/>
              </a:ext>
            </a:extLst>
          </p:cNvPr>
          <p:cNvSpPr>
            <a:spLocks noGrp="1"/>
          </p:cNvSpPr>
          <p:nvPr>
            <p:ph type="sldNum" sz="quarter" idx="11"/>
          </p:nvPr>
        </p:nvSpPr>
        <p:spPr/>
        <p:txBody>
          <a:bodyPr/>
          <a:lstStyle/>
          <a:p>
            <a:pPr>
              <a:defRPr/>
            </a:pPr>
            <a:fld id="{276D52CF-5208-42A4-BA48-F7001505B375}" type="slidenum">
              <a:rPr lang="nl-NL" smtClean="0"/>
              <a:pPr>
                <a:defRPr/>
              </a:pPr>
              <a:t>23</a:t>
            </a:fld>
            <a:endParaRPr lang="nl-NL"/>
          </a:p>
        </p:txBody>
      </p:sp>
    </p:spTree>
    <p:extLst>
      <p:ext uri="{BB962C8B-B14F-4D97-AF65-F5344CB8AC3E}">
        <p14:creationId xmlns:p14="http://schemas.microsoft.com/office/powerpoint/2010/main" val="1108071866"/>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20443B-96BC-7DC5-8BD1-962240710C34}"/>
              </a:ext>
            </a:extLst>
          </p:cNvPr>
          <p:cNvSpPr>
            <a:spLocks noGrp="1"/>
          </p:cNvSpPr>
          <p:nvPr>
            <p:ph type="title"/>
          </p:nvPr>
        </p:nvSpPr>
        <p:spPr/>
        <p:txBody>
          <a:bodyPr/>
          <a:lstStyle/>
          <a:p>
            <a:endParaRPr lang="en-NL"/>
          </a:p>
        </p:txBody>
      </p:sp>
      <p:graphicFrame>
        <p:nvGraphicFramePr>
          <p:cNvPr id="6" name="Content Placeholder 5">
            <a:extLst>
              <a:ext uri="{FF2B5EF4-FFF2-40B4-BE49-F238E27FC236}">
                <a16:creationId xmlns:a16="http://schemas.microsoft.com/office/drawing/2014/main" id="{A0A5B1B8-ACA6-0DA2-5C14-6BE15F220667}"/>
              </a:ext>
            </a:extLst>
          </p:cNvPr>
          <p:cNvGraphicFramePr>
            <a:graphicFrameLocks noGrp="1"/>
          </p:cNvGraphicFramePr>
          <p:nvPr>
            <p:ph idx="1"/>
            <p:extLst>
              <p:ext uri="{D42A27DB-BD31-4B8C-83A1-F6EECF244321}">
                <p14:modId xmlns:p14="http://schemas.microsoft.com/office/powerpoint/2010/main" val="1372685794"/>
              </p:ext>
            </p:extLst>
          </p:nvPr>
        </p:nvGraphicFramePr>
        <p:xfrm>
          <a:off x="2750026" y="2161888"/>
          <a:ext cx="5972810" cy="4067494"/>
        </p:xfrm>
        <a:graphic>
          <a:graphicData uri="http://schemas.openxmlformats.org/drawingml/2006/table">
            <a:tbl>
              <a:tblPr firstRow="1" firstCol="1" bandRow="1">
                <a:tableStyleId>{5C22544A-7EE6-4342-B048-85BDC9FD1C3A}</a:tableStyleId>
              </a:tblPr>
              <a:tblGrid>
                <a:gridCol w="5972810">
                  <a:extLst>
                    <a:ext uri="{9D8B030D-6E8A-4147-A177-3AD203B41FA5}">
                      <a16:colId xmlns:a16="http://schemas.microsoft.com/office/drawing/2014/main" val="1012075936"/>
                    </a:ext>
                  </a:extLst>
                </a:gridCol>
              </a:tblGrid>
              <a:tr h="190500">
                <a:tc>
                  <a:txBody>
                    <a:bodyPr/>
                    <a:lstStyle/>
                    <a:p>
                      <a:pPr marL="342900" lvl="0" indent="-342900">
                        <a:lnSpc>
                          <a:spcPts val="1380"/>
                        </a:lnSpc>
                        <a:buSzPts val="1000"/>
                        <a:buFont typeface="Symbol" panose="05050102010706020507" pitchFamily="18" charset="2"/>
                        <a:buChar char=""/>
                        <a:tabLst>
                          <a:tab pos="457200" algn="l"/>
                        </a:tabLst>
                      </a:pPr>
                      <a:r>
                        <a:rPr lang="en-NL" sz="1100">
                          <a:effectLst/>
                        </a:rPr>
                        <a:t>Wij zouden deze dag graag meer hopen te weten over gezichtsuitval na bestraling.  Dit is namelijk recentelijk gebeurd (vooralsnog rechterhelft) 26 jaar na de bestraling.</a:t>
                      </a:r>
                      <a:endParaRPr lang="en-NL" sz="1200">
                        <a:solidFill>
                          <a:srgbClr val="000000"/>
                        </a:solidFill>
                        <a:effectLst/>
                        <a:latin typeface="Aptos" panose="020B0004020202020204" pitchFamily="34" charset="0"/>
                        <a:ea typeface="Calibri" panose="020F0502020204030204" pitchFamily="34" charset="0"/>
                        <a:cs typeface="Aptos" panose="020B0004020202020204" pitchFamily="34" charset="0"/>
                      </a:endParaRPr>
                    </a:p>
                  </a:txBody>
                  <a:tcPr marL="44450" marR="44450" marT="0" marB="0" anchor="b"/>
                </a:tc>
                <a:extLst>
                  <a:ext uri="{0D108BD9-81ED-4DB2-BD59-A6C34878D82A}">
                    <a16:rowId xmlns:a16="http://schemas.microsoft.com/office/drawing/2014/main" val="1833166234"/>
                  </a:ext>
                </a:extLst>
              </a:tr>
              <a:tr h="190500">
                <a:tc>
                  <a:txBody>
                    <a:bodyPr/>
                    <a:lstStyle/>
                    <a:p>
                      <a:pPr marL="342900" lvl="0" indent="-342900">
                        <a:lnSpc>
                          <a:spcPts val="1380"/>
                        </a:lnSpc>
                        <a:buSzPts val="1000"/>
                        <a:buFont typeface="Symbol" panose="05050102010706020507" pitchFamily="18" charset="2"/>
                        <a:buChar char=""/>
                        <a:tabLst>
                          <a:tab pos="457200" algn="l"/>
                        </a:tabLst>
                      </a:pPr>
                      <a:r>
                        <a:rPr lang="en-NL" sz="1100" dirty="0">
                          <a:effectLst/>
                        </a:rPr>
                        <a:t>Zijn er nieuwe inzichten over hoe voeding en leefstijl de prognose kunnen beïnvloeden bij gliomen?</a:t>
                      </a:r>
                      <a:endParaRPr lang="en-NL" sz="1200" dirty="0">
                        <a:effectLst/>
                      </a:endParaRPr>
                    </a:p>
                    <a:p>
                      <a:pPr marL="342900" lvl="0" indent="-342900">
                        <a:lnSpc>
                          <a:spcPts val="1380"/>
                        </a:lnSpc>
                        <a:buSzPts val="1000"/>
                        <a:buFont typeface="Symbol" panose="05050102010706020507" pitchFamily="18" charset="2"/>
                        <a:buChar char=""/>
                        <a:tabLst>
                          <a:tab pos="457200" algn="l"/>
                        </a:tabLst>
                      </a:pPr>
                      <a:r>
                        <a:rPr lang="en-NL" sz="1100" dirty="0">
                          <a:effectLst/>
                        </a:rPr>
                        <a:t>Wat is volgens u het meest veelbelovende onderzoeksgebied voor de komende 2 jaar?</a:t>
                      </a:r>
                      <a:endParaRPr lang="en-NL" sz="1200" dirty="0">
                        <a:effectLst/>
                      </a:endParaRPr>
                    </a:p>
                    <a:p>
                      <a:pPr marL="342900" lvl="0" indent="-342900">
                        <a:lnSpc>
                          <a:spcPts val="1380"/>
                        </a:lnSpc>
                        <a:buSzPts val="1000"/>
                        <a:buFont typeface="Symbol" panose="05050102010706020507" pitchFamily="18" charset="2"/>
                        <a:buChar char=""/>
                        <a:tabLst>
                          <a:tab pos="457200" algn="l"/>
                        </a:tabLst>
                      </a:pPr>
                      <a:r>
                        <a:rPr lang="en-NL" sz="1100" dirty="0">
                          <a:effectLst/>
                        </a:rPr>
                        <a:t>Hoe kunnen wij patiënten en naasten bijdragen aan onderzoek en beleidsvorming rondom glioblastoom?</a:t>
                      </a:r>
                      <a:endParaRPr lang="en-NL" sz="1200" dirty="0">
                        <a:effectLst/>
                      </a:endParaRPr>
                    </a:p>
                    <a:p>
                      <a:pPr marL="342900" lvl="0" indent="-342900">
                        <a:lnSpc>
                          <a:spcPts val="1380"/>
                        </a:lnSpc>
                        <a:buSzPts val="1000"/>
                        <a:buFont typeface="Symbol" panose="05050102010706020507" pitchFamily="18" charset="2"/>
                        <a:buChar char=""/>
                        <a:tabLst>
                          <a:tab pos="457200" algn="l"/>
                        </a:tabLst>
                      </a:pPr>
                      <a:r>
                        <a:rPr lang="en-NL" sz="1100" dirty="0">
                          <a:effectLst/>
                        </a:rPr>
                        <a:t>Hoe kunnen we als patiënten beter bijdrage aan snellere en betere diagnose vorming?</a:t>
                      </a:r>
                      <a:endParaRPr lang="en-NL" sz="1200" dirty="0">
                        <a:effectLst/>
                      </a:endParaRPr>
                    </a:p>
                    <a:p>
                      <a:pPr marL="342900" lvl="0" indent="-342900">
                        <a:lnSpc>
                          <a:spcPts val="1380"/>
                        </a:lnSpc>
                        <a:buSzPts val="1000"/>
                        <a:buFont typeface="Symbol" panose="05050102010706020507" pitchFamily="18" charset="2"/>
                        <a:buChar char=""/>
                        <a:tabLst>
                          <a:tab pos="457200" algn="l"/>
                        </a:tabLst>
                      </a:pPr>
                      <a:r>
                        <a:rPr lang="en-NL" sz="1100" dirty="0">
                          <a:effectLst/>
                        </a:rPr>
                        <a:t>Zijn er internationale samenwerkingsverbanden die vooruitgang op het gebied van gliomenonderzoek versnellen?</a:t>
                      </a:r>
                      <a:endParaRPr lang="en-NL" sz="1200" dirty="0">
                        <a:effectLst/>
                      </a:endParaRPr>
                    </a:p>
                    <a:p>
                      <a:pPr marL="342900" lvl="0" indent="-342900">
                        <a:lnSpc>
                          <a:spcPts val="1380"/>
                        </a:lnSpc>
                        <a:buSzPts val="1000"/>
                        <a:buFont typeface="Symbol" panose="05050102010706020507" pitchFamily="18" charset="2"/>
                        <a:buChar char=""/>
                        <a:tabLst>
                          <a:tab pos="457200" algn="l"/>
                        </a:tabLst>
                      </a:pPr>
                      <a:r>
                        <a:rPr lang="en-NL" sz="1100" dirty="0">
                          <a:effectLst/>
                        </a:rPr>
                        <a:t>Wat kunnen we als naasten het beste voorbereidde voor de laatste fase van de ziekten?</a:t>
                      </a:r>
                      <a:endParaRPr lang="en-NL" sz="1200" dirty="0">
                        <a:solidFill>
                          <a:srgbClr val="000000"/>
                        </a:solidFill>
                        <a:effectLst/>
                        <a:latin typeface="Aptos" panose="020B0004020202020204" pitchFamily="34" charset="0"/>
                        <a:ea typeface="Calibri" panose="020F0502020204030204" pitchFamily="34" charset="0"/>
                        <a:cs typeface="Aptos" panose="020B0004020202020204" pitchFamily="34" charset="0"/>
                      </a:endParaRPr>
                    </a:p>
                  </a:txBody>
                  <a:tcPr marL="44450" marR="44450" marT="0" marB="0" anchor="b"/>
                </a:tc>
                <a:extLst>
                  <a:ext uri="{0D108BD9-81ED-4DB2-BD59-A6C34878D82A}">
                    <a16:rowId xmlns:a16="http://schemas.microsoft.com/office/drawing/2014/main" val="3628722565"/>
                  </a:ext>
                </a:extLst>
              </a:tr>
              <a:tr h="190500">
                <a:tc>
                  <a:txBody>
                    <a:bodyPr/>
                    <a:lstStyle/>
                    <a:p>
                      <a:pPr marL="342900" lvl="0" indent="-342900">
                        <a:lnSpc>
                          <a:spcPts val="1380"/>
                        </a:lnSpc>
                        <a:buSzPts val="1000"/>
                        <a:buFont typeface="Symbol" panose="05050102010706020507" pitchFamily="18" charset="2"/>
                        <a:buChar char=""/>
                        <a:tabLst>
                          <a:tab pos="457200" algn="l"/>
                        </a:tabLst>
                      </a:pPr>
                      <a:r>
                        <a:rPr lang="en-NL" sz="1100" dirty="0">
                          <a:effectLst/>
                        </a:rPr>
                        <a:t>Welke interessante onderzoeken/ aanvullende behandelingen zijn er op het gebied van glioblastoom (te verwachten)?</a:t>
                      </a:r>
                      <a:endParaRPr lang="en-NL" sz="1200" dirty="0">
                        <a:effectLst/>
                      </a:endParaRPr>
                    </a:p>
                    <a:p>
                      <a:pPr marL="342900" lvl="0" indent="-342900">
                        <a:lnSpc>
                          <a:spcPts val="1380"/>
                        </a:lnSpc>
                        <a:buSzPts val="1000"/>
                        <a:buFont typeface="Symbol" panose="05050102010706020507" pitchFamily="18" charset="2"/>
                        <a:buChar char=""/>
                        <a:tabLst>
                          <a:tab pos="457200" algn="l"/>
                        </a:tabLst>
                      </a:pPr>
                      <a:r>
                        <a:rPr lang="en-NL" sz="1100" dirty="0">
                          <a:effectLst/>
                        </a:rPr>
                        <a:t>Hoever zijn we met gepersonaliseerde therapieën en gerichte behandelingen?</a:t>
                      </a:r>
                      <a:endParaRPr lang="en-NL" sz="1200" dirty="0">
                        <a:effectLst/>
                      </a:endParaRPr>
                    </a:p>
                    <a:p>
                      <a:pPr marL="342900" lvl="0" indent="-342900">
                        <a:lnSpc>
                          <a:spcPts val="1380"/>
                        </a:lnSpc>
                        <a:buSzPts val="1000"/>
                        <a:buFont typeface="Symbol" panose="05050102010706020507" pitchFamily="18" charset="2"/>
                        <a:buChar char=""/>
                        <a:tabLst>
                          <a:tab pos="457200" algn="l"/>
                        </a:tabLst>
                      </a:pPr>
                      <a:r>
                        <a:rPr lang="en-NL" sz="1100" dirty="0">
                          <a:effectLst/>
                        </a:rPr>
                        <a:t>Zijn er ontwikkelingen op het gebied van immunotherapie voor glioblastoom?</a:t>
                      </a:r>
                      <a:endParaRPr lang="en-NL" sz="1200" dirty="0">
                        <a:effectLst/>
                      </a:endParaRPr>
                    </a:p>
                    <a:p>
                      <a:pPr marL="342900" lvl="0" indent="-342900">
                        <a:lnSpc>
                          <a:spcPts val="1380"/>
                        </a:lnSpc>
                        <a:buSzPts val="1000"/>
                        <a:buFont typeface="Symbol" panose="05050102010706020507" pitchFamily="18" charset="2"/>
                        <a:buChar char=""/>
                        <a:tabLst>
                          <a:tab pos="457200" algn="l"/>
                        </a:tabLst>
                      </a:pPr>
                      <a:r>
                        <a:rPr lang="en-NL" sz="1100" dirty="0">
                          <a:effectLst/>
                        </a:rPr>
                        <a:t>Wat is de rol van AI en machine kwantumfysica bij het verbeteren van diagnoses en behandelplannen voor fluimen?</a:t>
                      </a:r>
                      <a:endParaRPr lang="en-NL" sz="1200" dirty="0">
                        <a:effectLst/>
                      </a:endParaRPr>
                    </a:p>
                    <a:p>
                      <a:pPr marL="342900" lvl="0" indent="-342900">
                        <a:lnSpc>
                          <a:spcPts val="1380"/>
                        </a:lnSpc>
                        <a:buSzPts val="1000"/>
                        <a:buFont typeface="Symbol" panose="05050102010706020507" pitchFamily="18" charset="2"/>
                        <a:buChar char=""/>
                        <a:tabLst>
                          <a:tab pos="457200" algn="l"/>
                        </a:tabLst>
                      </a:pPr>
                      <a:r>
                        <a:rPr lang="en-NL" sz="1100" dirty="0">
                          <a:effectLst/>
                        </a:rPr>
                        <a:t>Hoe kunnen we met z’n allen diagnosestelling aanzienlijk verbeteren? Mijn ervaring is dat dit te lang heeft geduurd</a:t>
                      </a:r>
                      <a:endParaRPr lang="en-NL" sz="1200" dirty="0">
                        <a:solidFill>
                          <a:srgbClr val="000000"/>
                        </a:solidFill>
                        <a:effectLst/>
                        <a:latin typeface="Aptos" panose="020B0004020202020204" pitchFamily="34" charset="0"/>
                        <a:ea typeface="Calibri" panose="020F0502020204030204" pitchFamily="34" charset="0"/>
                        <a:cs typeface="Aptos" panose="020B0004020202020204" pitchFamily="34" charset="0"/>
                      </a:endParaRPr>
                    </a:p>
                  </a:txBody>
                  <a:tcPr marL="44450" marR="44450" marT="0" marB="0" anchor="b"/>
                </a:tc>
                <a:extLst>
                  <a:ext uri="{0D108BD9-81ED-4DB2-BD59-A6C34878D82A}">
                    <a16:rowId xmlns:a16="http://schemas.microsoft.com/office/drawing/2014/main" val="1096403871"/>
                  </a:ext>
                </a:extLst>
              </a:tr>
            </a:tbl>
          </a:graphicData>
        </a:graphic>
      </p:graphicFrame>
      <p:sp>
        <p:nvSpPr>
          <p:cNvPr id="4" name="Date Placeholder 3">
            <a:extLst>
              <a:ext uri="{FF2B5EF4-FFF2-40B4-BE49-F238E27FC236}">
                <a16:creationId xmlns:a16="http://schemas.microsoft.com/office/drawing/2014/main" id="{5007B1B2-379D-B8BA-20F1-85465AFE0475}"/>
              </a:ext>
            </a:extLst>
          </p:cNvPr>
          <p:cNvSpPr>
            <a:spLocks noGrp="1"/>
          </p:cNvSpPr>
          <p:nvPr>
            <p:ph type="dt" sz="half" idx="10"/>
          </p:nvPr>
        </p:nvSpPr>
        <p:spPr/>
        <p:txBody>
          <a:bodyPr/>
          <a:lstStyle/>
          <a:p>
            <a:pPr>
              <a:defRPr/>
            </a:pPr>
            <a:fld id="{19FE19A4-F280-4A83-9CEB-B1E2DDF9475A}" type="datetime1">
              <a:rPr lang="nl-NL" smtClean="0"/>
              <a:t>15-03-2025</a:t>
            </a:fld>
            <a:endParaRPr lang="nl-NL"/>
          </a:p>
        </p:txBody>
      </p:sp>
      <p:sp>
        <p:nvSpPr>
          <p:cNvPr id="5" name="Slide Number Placeholder 4">
            <a:extLst>
              <a:ext uri="{FF2B5EF4-FFF2-40B4-BE49-F238E27FC236}">
                <a16:creationId xmlns:a16="http://schemas.microsoft.com/office/drawing/2014/main" id="{212D0950-3CA8-2ED6-C8F0-277A5A965D3A}"/>
              </a:ext>
            </a:extLst>
          </p:cNvPr>
          <p:cNvSpPr>
            <a:spLocks noGrp="1"/>
          </p:cNvSpPr>
          <p:nvPr>
            <p:ph type="sldNum" sz="quarter" idx="11"/>
          </p:nvPr>
        </p:nvSpPr>
        <p:spPr/>
        <p:txBody>
          <a:bodyPr/>
          <a:lstStyle/>
          <a:p>
            <a:pPr>
              <a:defRPr/>
            </a:pPr>
            <a:fld id="{276D52CF-5208-42A4-BA48-F7001505B375}" type="slidenum">
              <a:rPr lang="nl-NL" smtClean="0"/>
              <a:pPr>
                <a:defRPr/>
              </a:pPr>
              <a:t>24</a:t>
            </a:fld>
            <a:endParaRPr lang="nl-NL"/>
          </a:p>
        </p:txBody>
      </p:sp>
    </p:spTree>
    <p:extLst>
      <p:ext uri="{BB962C8B-B14F-4D97-AF65-F5344CB8AC3E}">
        <p14:creationId xmlns:p14="http://schemas.microsoft.com/office/powerpoint/2010/main" val="248208169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endParaRPr lang="en-GB"/>
          </a:p>
        </p:txBody>
      </p:sp>
      <p:sp>
        <p:nvSpPr>
          <p:cNvPr id="4" name="Date Placeholder 3"/>
          <p:cNvSpPr>
            <a:spLocks noGrp="1"/>
          </p:cNvSpPr>
          <p:nvPr>
            <p:ph type="dt" sz="half" idx="14"/>
          </p:nvPr>
        </p:nvSpPr>
        <p:spPr>
          <a:xfrm>
            <a:off x="631825" y="6483046"/>
            <a:ext cx="832104"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defPPr>
              <a:defRPr lang="nl-NL"/>
            </a:defPPr>
            <a:lvl1pPr algn="l" rtl="0" eaLnBrk="0" fontAlgn="base" hangingPunct="0">
              <a:spcBef>
                <a:spcPct val="0"/>
              </a:spcBef>
              <a:spcAft>
                <a:spcPct val="0"/>
              </a:spcAft>
              <a:defRPr lang="nl-NL" sz="700" kern="1200" smtClean="0">
                <a:solidFill>
                  <a:schemeClr val="tx2"/>
                </a:solidFill>
                <a:latin typeface="Arial" panose="020B0604020202020204" pitchFamily="34" charset="0"/>
                <a:ea typeface="+mn-ea"/>
                <a:cs typeface="Arial" panose="020B0604020202020204" pitchFamily="34" charset="0"/>
              </a:defRPr>
            </a:lvl1pPr>
            <a:lvl2pPr marL="4572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2pPr>
            <a:lvl3pPr marL="9144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3pPr>
            <a:lvl4pPr marL="13716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4pPr>
            <a:lvl5pPr marL="18288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5pPr>
            <a:lvl6pPr marL="2286000" algn="l" defTabSz="914400" rtl="0" eaLnBrk="1" latinLnBrk="0" hangingPunct="1">
              <a:defRPr kern="1200">
                <a:solidFill>
                  <a:schemeClr val="tx1"/>
                </a:solidFill>
                <a:latin typeface="Calibri" panose="020F0502020204030204" pitchFamily="34" charset="0"/>
                <a:ea typeface="+mn-ea"/>
                <a:cs typeface="+mn-cs"/>
              </a:defRPr>
            </a:lvl6pPr>
            <a:lvl7pPr marL="2743200" algn="l" defTabSz="914400" rtl="0" eaLnBrk="1" latinLnBrk="0" hangingPunct="1">
              <a:defRPr kern="1200">
                <a:solidFill>
                  <a:schemeClr val="tx1"/>
                </a:solidFill>
                <a:latin typeface="Calibri" panose="020F0502020204030204" pitchFamily="34" charset="0"/>
                <a:ea typeface="+mn-ea"/>
                <a:cs typeface="+mn-cs"/>
              </a:defRPr>
            </a:lvl7pPr>
            <a:lvl8pPr marL="3200400" algn="l" defTabSz="914400" rtl="0" eaLnBrk="1" latinLnBrk="0" hangingPunct="1">
              <a:defRPr kern="1200">
                <a:solidFill>
                  <a:schemeClr val="tx1"/>
                </a:solidFill>
                <a:latin typeface="Calibri" panose="020F0502020204030204" pitchFamily="34" charset="0"/>
                <a:ea typeface="+mn-ea"/>
                <a:cs typeface="+mn-cs"/>
              </a:defRPr>
            </a:lvl8pPr>
            <a:lvl9pPr marL="3657600" algn="l" defTabSz="914400" rtl="0" eaLnBrk="1" latinLnBrk="0" hangingPunct="1">
              <a:defRPr kern="1200">
                <a:solidFill>
                  <a:schemeClr val="tx1"/>
                </a:solidFill>
                <a:latin typeface="Calibri" panose="020F0502020204030204" pitchFamily="34" charset="0"/>
                <a:ea typeface="+mn-ea"/>
                <a:cs typeface="+mn-cs"/>
              </a:defRPr>
            </a:lvl9pPr>
          </a:lstStyle>
          <a:p>
            <a:fld id="{E02C8C58-7455-42B9-A9FD-EE48EC293C11}" type="datetime1">
              <a:rPr lang="en-GB" smtClean="0"/>
              <a:pPr/>
              <a:t>15/03/2025</a:t>
            </a:fld>
            <a:endParaRPr lang="en-GB"/>
          </a:p>
        </p:txBody>
      </p:sp>
      <p:sp>
        <p:nvSpPr>
          <p:cNvPr id="5" name="Footer Placeholder 4"/>
          <p:cNvSpPr>
            <a:spLocks noGrp="1"/>
          </p:cNvSpPr>
          <p:nvPr>
            <p:ph type="ftr" sz="quarter" idx="15"/>
          </p:nvPr>
        </p:nvSpPr>
        <p:spPr>
          <a:xfrm>
            <a:off x="1562356" y="6483045"/>
            <a:ext cx="8694253"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defPPr>
              <a:defRPr lang="nl-NL"/>
            </a:defPPr>
            <a:lvl1pPr algn="l" rtl="0" eaLnBrk="0" fontAlgn="base" hangingPunct="0">
              <a:spcBef>
                <a:spcPct val="0"/>
              </a:spcBef>
              <a:spcAft>
                <a:spcPct val="0"/>
              </a:spcAft>
              <a:defRPr lang="nl-NL" sz="700" kern="1200">
                <a:solidFill>
                  <a:schemeClr val="tx2"/>
                </a:solidFill>
                <a:latin typeface="Arial" panose="020B0604020202020204" pitchFamily="34" charset="0"/>
                <a:ea typeface="+mn-ea"/>
                <a:cs typeface="Arial" panose="020B0604020202020204" pitchFamily="34" charset="0"/>
              </a:defRPr>
            </a:lvl1pPr>
            <a:lvl2pPr marL="4572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2pPr>
            <a:lvl3pPr marL="9144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3pPr>
            <a:lvl4pPr marL="13716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4pPr>
            <a:lvl5pPr marL="18288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5pPr>
            <a:lvl6pPr marL="2286000" algn="l" defTabSz="914400" rtl="0" eaLnBrk="1" latinLnBrk="0" hangingPunct="1">
              <a:defRPr kern="1200">
                <a:solidFill>
                  <a:schemeClr val="tx1"/>
                </a:solidFill>
                <a:latin typeface="Calibri" panose="020F0502020204030204" pitchFamily="34" charset="0"/>
                <a:ea typeface="+mn-ea"/>
                <a:cs typeface="+mn-cs"/>
              </a:defRPr>
            </a:lvl6pPr>
            <a:lvl7pPr marL="2743200" algn="l" defTabSz="914400" rtl="0" eaLnBrk="1" latinLnBrk="0" hangingPunct="1">
              <a:defRPr kern="1200">
                <a:solidFill>
                  <a:schemeClr val="tx1"/>
                </a:solidFill>
                <a:latin typeface="Calibri" panose="020F0502020204030204" pitchFamily="34" charset="0"/>
                <a:ea typeface="+mn-ea"/>
                <a:cs typeface="+mn-cs"/>
              </a:defRPr>
            </a:lvl7pPr>
            <a:lvl8pPr marL="3200400" algn="l" defTabSz="914400" rtl="0" eaLnBrk="1" latinLnBrk="0" hangingPunct="1">
              <a:defRPr kern="1200">
                <a:solidFill>
                  <a:schemeClr val="tx1"/>
                </a:solidFill>
                <a:latin typeface="Calibri" panose="020F0502020204030204" pitchFamily="34" charset="0"/>
                <a:ea typeface="+mn-ea"/>
                <a:cs typeface="+mn-cs"/>
              </a:defRPr>
            </a:lvl8pPr>
            <a:lvl9pPr marL="3657600" algn="l" defTabSz="914400" rtl="0" eaLnBrk="1" latinLnBrk="0" hangingPunct="1">
              <a:defRPr kern="1200">
                <a:solidFill>
                  <a:schemeClr val="tx1"/>
                </a:solidFill>
                <a:latin typeface="Calibri" panose="020F0502020204030204" pitchFamily="34" charset="0"/>
                <a:ea typeface="+mn-ea"/>
                <a:cs typeface="+mn-cs"/>
              </a:defRPr>
            </a:lvl9pPr>
          </a:lstStyle>
          <a:p>
            <a:endParaRPr lang="en-GB"/>
          </a:p>
        </p:txBody>
      </p:sp>
      <p:sp>
        <p:nvSpPr>
          <p:cNvPr id="6" name="Slide Number Placeholder 5"/>
          <p:cNvSpPr>
            <a:spLocks noGrp="1"/>
          </p:cNvSpPr>
          <p:nvPr>
            <p:ph type="sldNum" sz="quarter" idx="16"/>
          </p:nvPr>
        </p:nvSpPr>
        <p:spPr>
          <a:xfrm>
            <a:off x="10355036" y="6483047"/>
            <a:ext cx="486000"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defPPr>
              <a:defRPr lang="nl-NL"/>
            </a:defPPr>
            <a:lvl1pPr algn="r" rtl="0" eaLnBrk="0" fontAlgn="base" hangingPunct="0">
              <a:spcBef>
                <a:spcPct val="0"/>
              </a:spcBef>
              <a:spcAft>
                <a:spcPct val="0"/>
              </a:spcAft>
              <a:defRPr lang="nl-NL" altLang="nl-NL" sz="700" kern="1200" smtClean="0">
                <a:solidFill>
                  <a:schemeClr val="tx2"/>
                </a:solidFill>
                <a:latin typeface="Arial" panose="020B0604020202020204" pitchFamily="34" charset="0"/>
                <a:ea typeface="+mn-ea"/>
                <a:cs typeface="Arial" panose="020B0604020202020204" pitchFamily="34" charset="0"/>
              </a:defRPr>
            </a:lvl1pPr>
            <a:lvl2pPr marL="4572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2pPr>
            <a:lvl3pPr marL="9144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3pPr>
            <a:lvl4pPr marL="13716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4pPr>
            <a:lvl5pPr marL="18288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5pPr>
            <a:lvl6pPr marL="2286000" algn="l" defTabSz="914400" rtl="0" eaLnBrk="1" latinLnBrk="0" hangingPunct="1">
              <a:defRPr kern="1200">
                <a:solidFill>
                  <a:schemeClr val="tx1"/>
                </a:solidFill>
                <a:latin typeface="Calibri" panose="020F0502020204030204" pitchFamily="34" charset="0"/>
                <a:ea typeface="+mn-ea"/>
                <a:cs typeface="+mn-cs"/>
              </a:defRPr>
            </a:lvl6pPr>
            <a:lvl7pPr marL="2743200" algn="l" defTabSz="914400" rtl="0" eaLnBrk="1" latinLnBrk="0" hangingPunct="1">
              <a:defRPr kern="1200">
                <a:solidFill>
                  <a:schemeClr val="tx1"/>
                </a:solidFill>
                <a:latin typeface="Calibri" panose="020F0502020204030204" pitchFamily="34" charset="0"/>
                <a:ea typeface="+mn-ea"/>
                <a:cs typeface="+mn-cs"/>
              </a:defRPr>
            </a:lvl7pPr>
            <a:lvl8pPr marL="3200400" algn="l" defTabSz="914400" rtl="0" eaLnBrk="1" latinLnBrk="0" hangingPunct="1">
              <a:defRPr kern="1200">
                <a:solidFill>
                  <a:schemeClr val="tx1"/>
                </a:solidFill>
                <a:latin typeface="Calibri" panose="020F0502020204030204" pitchFamily="34" charset="0"/>
                <a:ea typeface="+mn-ea"/>
                <a:cs typeface="+mn-cs"/>
              </a:defRPr>
            </a:lvl8pPr>
            <a:lvl9pPr marL="3657600" algn="l" defTabSz="914400" rtl="0" eaLnBrk="1" latinLnBrk="0" hangingPunct="1">
              <a:defRPr kern="1200">
                <a:solidFill>
                  <a:schemeClr val="tx1"/>
                </a:solidFill>
                <a:latin typeface="Calibri" panose="020F0502020204030204" pitchFamily="34" charset="0"/>
                <a:ea typeface="+mn-ea"/>
                <a:cs typeface="+mn-cs"/>
              </a:defRPr>
            </a:lvl9pPr>
          </a:lstStyle>
          <a:p>
            <a:fld id="{83D1311D-0AF4-BF42-8BF9-EAD1FE65203C}" type="slidenum">
              <a:rPr lang="en-GB" smtClean="0"/>
              <a:pPr/>
              <a:t>3</a:t>
            </a:fld>
            <a:endParaRPr lang="en-GB"/>
          </a:p>
        </p:txBody>
      </p:sp>
      <p:sp>
        <p:nvSpPr>
          <p:cNvPr id="8" name="TextBox 7"/>
          <p:cNvSpPr txBox="1"/>
          <p:nvPr/>
        </p:nvSpPr>
        <p:spPr>
          <a:xfrm>
            <a:off x="453521" y="2778589"/>
            <a:ext cx="11452943" cy="646331"/>
          </a:xfrm>
          <a:prstGeom prst="rect">
            <a:avLst/>
          </a:prstGeom>
          <a:noFill/>
        </p:spPr>
        <p:txBody>
          <a:bodyPr wrap="none" rtlCol="0">
            <a:spAutoFit/>
          </a:bodyPr>
          <a:lstStyle/>
          <a:p>
            <a:pPr algn="l"/>
            <a:r>
              <a:rPr lang="en-GB" sz="3600" b="1" i="0">
                <a:solidFill>
                  <a:srgbClr val="002060"/>
                </a:solidFill>
                <a:ea typeface="Arial" charset="0"/>
                <a:cs typeface="Arial" charset="0"/>
              </a:rPr>
              <a:t>Wat is de </a:t>
            </a:r>
            <a:r>
              <a:rPr lang="en-GB" sz="3600" b="1" i="0" err="1">
                <a:solidFill>
                  <a:srgbClr val="002060"/>
                </a:solidFill>
                <a:ea typeface="Arial" charset="0"/>
                <a:cs typeface="Arial" charset="0"/>
              </a:rPr>
              <a:t>grootste</a:t>
            </a:r>
            <a:r>
              <a:rPr lang="en-GB" sz="3600" b="1" i="0">
                <a:solidFill>
                  <a:srgbClr val="002060"/>
                </a:solidFill>
                <a:ea typeface="Arial" charset="0"/>
                <a:cs typeface="Arial" charset="0"/>
              </a:rPr>
              <a:t> </a:t>
            </a:r>
            <a:r>
              <a:rPr lang="en-GB" sz="3600" b="1" i="0" err="1">
                <a:solidFill>
                  <a:srgbClr val="FF0000"/>
                </a:solidFill>
                <a:ea typeface="Arial" charset="0"/>
                <a:cs typeface="Arial" charset="0"/>
              </a:rPr>
              <a:t>risicofactor</a:t>
            </a:r>
            <a:r>
              <a:rPr lang="en-GB" sz="3600" b="1" i="0">
                <a:solidFill>
                  <a:srgbClr val="002060"/>
                </a:solidFill>
                <a:ea typeface="Arial" charset="0"/>
                <a:cs typeface="Arial" charset="0"/>
              </a:rPr>
              <a:t> </a:t>
            </a:r>
            <a:r>
              <a:rPr lang="en-GB" sz="3600" b="1" i="0" err="1">
                <a:solidFill>
                  <a:srgbClr val="002060"/>
                </a:solidFill>
                <a:ea typeface="Arial" charset="0"/>
                <a:cs typeface="Arial" charset="0"/>
              </a:rPr>
              <a:t>voor</a:t>
            </a:r>
            <a:r>
              <a:rPr lang="en-GB" sz="3600" b="1" i="0">
                <a:solidFill>
                  <a:srgbClr val="002060"/>
                </a:solidFill>
                <a:ea typeface="Arial" charset="0"/>
                <a:cs typeface="Arial" charset="0"/>
              </a:rPr>
              <a:t> het </a:t>
            </a:r>
            <a:r>
              <a:rPr lang="en-GB" sz="3600" b="1" i="0" err="1">
                <a:solidFill>
                  <a:srgbClr val="002060"/>
                </a:solidFill>
                <a:ea typeface="Arial" charset="0"/>
                <a:cs typeface="Arial" charset="0"/>
              </a:rPr>
              <a:t>krijgen</a:t>
            </a:r>
            <a:r>
              <a:rPr lang="en-GB" sz="3600" b="1" i="0">
                <a:solidFill>
                  <a:srgbClr val="002060"/>
                </a:solidFill>
                <a:ea typeface="Arial" charset="0"/>
                <a:cs typeface="Arial" charset="0"/>
              </a:rPr>
              <a:t> van </a:t>
            </a:r>
            <a:r>
              <a:rPr lang="en-GB" sz="3600" b="1" i="0" err="1">
                <a:solidFill>
                  <a:srgbClr val="002060"/>
                </a:solidFill>
                <a:ea typeface="Arial" charset="0"/>
                <a:cs typeface="Arial" charset="0"/>
              </a:rPr>
              <a:t>kanker</a:t>
            </a:r>
            <a:r>
              <a:rPr lang="en-GB" sz="3600" b="1" i="0">
                <a:solidFill>
                  <a:srgbClr val="002060"/>
                </a:solidFill>
                <a:ea typeface="Arial" charset="0"/>
                <a:cs typeface="Arial" charset="0"/>
              </a:rPr>
              <a:t>?</a:t>
            </a:r>
          </a:p>
        </p:txBody>
      </p:sp>
      <p:grpSp>
        <p:nvGrpSpPr>
          <p:cNvPr id="18" name="Group 17"/>
          <p:cNvGrpSpPr>
            <a:grpSpLocks noChangeAspect="1"/>
          </p:cNvGrpSpPr>
          <p:nvPr/>
        </p:nvGrpSpPr>
        <p:grpSpPr>
          <a:xfrm>
            <a:off x="3136104" y="1263045"/>
            <a:ext cx="4672392" cy="5220000"/>
            <a:chOff x="113212" y="1625582"/>
            <a:chExt cx="4322311" cy="4828885"/>
          </a:xfrm>
        </p:grpSpPr>
        <p:pic>
          <p:nvPicPr>
            <p:cNvPr id="19" name="Picture 18"/>
            <p:cNvPicPr>
              <a:picLocks noChangeAspect="1"/>
            </p:cNvPicPr>
            <p:nvPr/>
          </p:nvPicPr>
          <p:blipFill rotWithShape="1">
            <a:blip r:embed="rId3">
              <a:extLst>
                <a:ext uri="{28A0092B-C50C-407E-A947-70E740481C1C}">
                  <a14:useLocalDpi xmlns:a14="http://schemas.microsoft.com/office/drawing/2010/main" val="0"/>
                </a:ext>
              </a:extLst>
            </a:blip>
            <a:srcRect l="7096" b="12910"/>
            <a:stretch/>
          </p:blipFill>
          <p:spPr>
            <a:xfrm>
              <a:off x="935915" y="1625582"/>
              <a:ext cx="3499608" cy="3996136"/>
            </a:xfrm>
            <a:prstGeom prst="rect">
              <a:avLst/>
            </a:prstGeom>
          </p:spPr>
        </p:pic>
        <p:grpSp>
          <p:nvGrpSpPr>
            <p:cNvPr id="20" name="Group 19"/>
            <p:cNvGrpSpPr/>
            <p:nvPr/>
          </p:nvGrpSpPr>
          <p:grpSpPr>
            <a:xfrm>
              <a:off x="933352" y="5547228"/>
              <a:ext cx="3502171" cy="453009"/>
              <a:chOff x="5282368" y="4492497"/>
              <a:chExt cx="3502171" cy="453009"/>
            </a:xfrm>
          </p:grpSpPr>
          <p:sp>
            <p:nvSpPr>
              <p:cNvPr id="30" name="TextBox 29"/>
              <p:cNvSpPr txBox="1"/>
              <p:nvPr/>
            </p:nvSpPr>
            <p:spPr>
              <a:xfrm rot="-1800000">
                <a:off x="5282368" y="4503020"/>
                <a:ext cx="369332" cy="247825"/>
              </a:xfrm>
              <a:prstGeom prst="rect">
                <a:avLst/>
              </a:prstGeom>
              <a:noFill/>
            </p:spPr>
            <p:txBody>
              <a:bodyPr vert="vert" wrap="none" rtlCol="0">
                <a:spAutoFit/>
              </a:bodyPr>
              <a:lstStyle/>
              <a:p>
                <a:pPr algn="l"/>
                <a:r>
                  <a:rPr lang="en-GB" sz="1200" b="1" i="0">
                    <a:ea typeface="Arial" charset="0"/>
                    <a:cs typeface="Arial" charset="0"/>
                  </a:rPr>
                  <a:t>&lt;1</a:t>
                </a:r>
              </a:p>
            </p:txBody>
          </p:sp>
          <p:sp>
            <p:nvSpPr>
              <p:cNvPr id="31" name="TextBox 30"/>
              <p:cNvSpPr txBox="1"/>
              <p:nvPr/>
            </p:nvSpPr>
            <p:spPr>
              <a:xfrm rot="-1800000">
                <a:off x="5456415" y="4503020"/>
                <a:ext cx="369332" cy="295915"/>
              </a:xfrm>
              <a:prstGeom prst="rect">
                <a:avLst/>
              </a:prstGeom>
              <a:noFill/>
            </p:spPr>
            <p:txBody>
              <a:bodyPr vert="vert" wrap="none" rtlCol="0">
                <a:spAutoFit/>
              </a:bodyPr>
              <a:lstStyle/>
              <a:p>
                <a:pPr algn="l"/>
                <a:r>
                  <a:rPr lang="en-GB" sz="1200" b="1" i="0">
                    <a:ea typeface="Arial" charset="0"/>
                    <a:cs typeface="Arial" charset="0"/>
                  </a:rPr>
                  <a:t>1-4</a:t>
                </a:r>
              </a:p>
            </p:txBody>
          </p:sp>
          <p:sp>
            <p:nvSpPr>
              <p:cNvPr id="32" name="TextBox 31"/>
              <p:cNvSpPr txBox="1"/>
              <p:nvPr/>
            </p:nvSpPr>
            <p:spPr>
              <a:xfrm rot="-1800000">
                <a:off x="5630462" y="4503020"/>
                <a:ext cx="369332" cy="295915"/>
              </a:xfrm>
              <a:prstGeom prst="rect">
                <a:avLst/>
              </a:prstGeom>
              <a:noFill/>
            </p:spPr>
            <p:txBody>
              <a:bodyPr vert="vert" wrap="none" rtlCol="0">
                <a:spAutoFit/>
              </a:bodyPr>
              <a:lstStyle/>
              <a:p>
                <a:pPr algn="l"/>
                <a:r>
                  <a:rPr lang="en-GB" sz="1200" b="1" i="0">
                    <a:ea typeface="Arial" charset="0"/>
                    <a:cs typeface="Arial" charset="0"/>
                  </a:rPr>
                  <a:t>5-9</a:t>
                </a:r>
              </a:p>
            </p:txBody>
          </p:sp>
          <p:sp>
            <p:nvSpPr>
              <p:cNvPr id="33" name="TextBox 32"/>
              <p:cNvSpPr txBox="1"/>
              <p:nvPr/>
            </p:nvSpPr>
            <p:spPr>
              <a:xfrm rot="-1800000">
                <a:off x="5804509" y="4492497"/>
                <a:ext cx="369332" cy="453009"/>
              </a:xfrm>
              <a:prstGeom prst="rect">
                <a:avLst/>
              </a:prstGeom>
              <a:noFill/>
            </p:spPr>
            <p:txBody>
              <a:bodyPr vert="vert" wrap="none" rtlCol="0">
                <a:spAutoFit/>
              </a:bodyPr>
              <a:lstStyle/>
              <a:p>
                <a:pPr algn="l"/>
                <a:r>
                  <a:rPr lang="en-GB" sz="1200" b="1" i="0">
                    <a:ea typeface="Arial" charset="0"/>
                    <a:cs typeface="Arial" charset="0"/>
                  </a:rPr>
                  <a:t>10-14</a:t>
                </a:r>
              </a:p>
            </p:txBody>
          </p:sp>
          <p:sp>
            <p:nvSpPr>
              <p:cNvPr id="34" name="TextBox 33"/>
              <p:cNvSpPr txBox="1"/>
              <p:nvPr/>
            </p:nvSpPr>
            <p:spPr>
              <a:xfrm rot="-1800000">
                <a:off x="7719026" y="4492497"/>
                <a:ext cx="369332" cy="453009"/>
              </a:xfrm>
              <a:prstGeom prst="rect">
                <a:avLst/>
              </a:prstGeom>
              <a:noFill/>
            </p:spPr>
            <p:txBody>
              <a:bodyPr vert="vert" wrap="none" rtlCol="0">
                <a:spAutoFit/>
              </a:bodyPr>
              <a:lstStyle/>
              <a:p>
                <a:pPr algn="l"/>
                <a:r>
                  <a:rPr lang="en-GB" sz="1200" b="1" i="0">
                    <a:ea typeface="Arial" charset="0"/>
                    <a:cs typeface="Arial" charset="0"/>
                  </a:rPr>
                  <a:t>65-69</a:t>
                </a:r>
              </a:p>
            </p:txBody>
          </p:sp>
          <p:sp>
            <p:nvSpPr>
              <p:cNvPr id="35" name="TextBox 34"/>
              <p:cNvSpPr txBox="1"/>
              <p:nvPr/>
            </p:nvSpPr>
            <p:spPr>
              <a:xfrm rot="-1800000">
                <a:off x="5978556" y="4492497"/>
                <a:ext cx="369332" cy="453009"/>
              </a:xfrm>
              <a:prstGeom prst="rect">
                <a:avLst/>
              </a:prstGeom>
              <a:noFill/>
            </p:spPr>
            <p:txBody>
              <a:bodyPr vert="vert" wrap="none" rtlCol="0">
                <a:spAutoFit/>
              </a:bodyPr>
              <a:lstStyle/>
              <a:p>
                <a:pPr algn="l"/>
                <a:r>
                  <a:rPr lang="en-GB" sz="1200" b="1" i="0">
                    <a:ea typeface="Arial" charset="0"/>
                    <a:cs typeface="Arial" charset="0"/>
                  </a:rPr>
                  <a:t>15-19</a:t>
                </a:r>
              </a:p>
            </p:txBody>
          </p:sp>
          <p:sp>
            <p:nvSpPr>
              <p:cNvPr id="36" name="TextBox 35"/>
              <p:cNvSpPr txBox="1"/>
              <p:nvPr/>
            </p:nvSpPr>
            <p:spPr>
              <a:xfrm rot="-1800000">
                <a:off x="7544979" y="4492497"/>
                <a:ext cx="369332" cy="453009"/>
              </a:xfrm>
              <a:prstGeom prst="rect">
                <a:avLst/>
              </a:prstGeom>
              <a:noFill/>
            </p:spPr>
            <p:txBody>
              <a:bodyPr vert="vert" wrap="none" rtlCol="0">
                <a:spAutoFit/>
              </a:bodyPr>
              <a:lstStyle/>
              <a:p>
                <a:pPr algn="l"/>
                <a:r>
                  <a:rPr lang="en-GB" sz="1200" b="1" i="0">
                    <a:ea typeface="Arial" charset="0"/>
                    <a:cs typeface="Arial" charset="0"/>
                  </a:rPr>
                  <a:t>60-64</a:t>
                </a:r>
              </a:p>
            </p:txBody>
          </p:sp>
          <p:sp>
            <p:nvSpPr>
              <p:cNvPr id="37" name="TextBox 36"/>
              <p:cNvSpPr txBox="1"/>
              <p:nvPr/>
            </p:nvSpPr>
            <p:spPr>
              <a:xfrm rot="-1800000">
                <a:off x="6152603" y="4492497"/>
                <a:ext cx="369332" cy="453009"/>
              </a:xfrm>
              <a:prstGeom prst="rect">
                <a:avLst/>
              </a:prstGeom>
              <a:noFill/>
            </p:spPr>
            <p:txBody>
              <a:bodyPr vert="vert" wrap="none" rtlCol="0">
                <a:spAutoFit/>
              </a:bodyPr>
              <a:lstStyle/>
              <a:p>
                <a:pPr algn="l"/>
                <a:r>
                  <a:rPr lang="en-GB" sz="1200" b="1" i="0">
                    <a:ea typeface="Arial" charset="0"/>
                    <a:cs typeface="Arial" charset="0"/>
                  </a:rPr>
                  <a:t>20-24</a:t>
                </a:r>
              </a:p>
            </p:txBody>
          </p:sp>
          <p:sp>
            <p:nvSpPr>
              <p:cNvPr id="38" name="TextBox 37"/>
              <p:cNvSpPr txBox="1"/>
              <p:nvPr/>
            </p:nvSpPr>
            <p:spPr>
              <a:xfrm rot="-1800000">
                <a:off x="6326650" y="4492497"/>
                <a:ext cx="369332" cy="453009"/>
              </a:xfrm>
              <a:prstGeom prst="rect">
                <a:avLst/>
              </a:prstGeom>
              <a:noFill/>
            </p:spPr>
            <p:txBody>
              <a:bodyPr vert="vert" wrap="none" rtlCol="0">
                <a:spAutoFit/>
              </a:bodyPr>
              <a:lstStyle/>
              <a:p>
                <a:pPr algn="l"/>
                <a:r>
                  <a:rPr lang="en-GB" sz="1200" b="1" i="0">
                    <a:ea typeface="Arial" charset="0"/>
                    <a:cs typeface="Arial" charset="0"/>
                  </a:rPr>
                  <a:t>25-29</a:t>
                </a:r>
              </a:p>
            </p:txBody>
          </p:sp>
          <p:sp>
            <p:nvSpPr>
              <p:cNvPr id="39" name="TextBox 38"/>
              <p:cNvSpPr txBox="1"/>
              <p:nvPr/>
            </p:nvSpPr>
            <p:spPr>
              <a:xfrm rot="-1800000">
                <a:off x="6500697" y="4492497"/>
                <a:ext cx="369332" cy="453009"/>
              </a:xfrm>
              <a:prstGeom prst="rect">
                <a:avLst/>
              </a:prstGeom>
              <a:noFill/>
            </p:spPr>
            <p:txBody>
              <a:bodyPr vert="vert" wrap="none" rtlCol="0">
                <a:spAutoFit/>
              </a:bodyPr>
              <a:lstStyle/>
              <a:p>
                <a:pPr algn="l"/>
                <a:r>
                  <a:rPr lang="en-GB" sz="1200" b="1" i="0">
                    <a:ea typeface="Arial" charset="0"/>
                    <a:cs typeface="Arial" charset="0"/>
                  </a:rPr>
                  <a:t>30-34</a:t>
                </a:r>
              </a:p>
            </p:txBody>
          </p:sp>
          <p:sp>
            <p:nvSpPr>
              <p:cNvPr id="40" name="TextBox 39"/>
              <p:cNvSpPr txBox="1"/>
              <p:nvPr/>
            </p:nvSpPr>
            <p:spPr>
              <a:xfrm rot="-1800000">
                <a:off x="6674744" y="4492497"/>
                <a:ext cx="369332" cy="453009"/>
              </a:xfrm>
              <a:prstGeom prst="rect">
                <a:avLst/>
              </a:prstGeom>
              <a:noFill/>
            </p:spPr>
            <p:txBody>
              <a:bodyPr vert="vert" wrap="none" rtlCol="0">
                <a:spAutoFit/>
              </a:bodyPr>
              <a:lstStyle/>
              <a:p>
                <a:pPr algn="l"/>
                <a:r>
                  <a:rPr lang="en-GB" sz="1200" b="1" i="0">
                    <a:ea typeface="Arial" charset="0"/>
                    <a:cs typeface="Arial" charset="0"/>
                  </a:rPr>
                  <a:t>35-39</a:t>
                </a:r>
              </a:p>
            </p:txBody>
          </p:sp>
          <p:sp>
            <p:nvSpPr>
              <p:cNvPr id="41" name="TextBox 40"/>
              <p:cNvSpPr txBox="1"/>
              <p:nvPr/>
            </p:nvSpPr>
            <p:spPr>
              <a:xfrm rot="-1800000">
                <a:off x="6848791" y="4492497"/>
                <a:ext cx="369332" cy="453009"/>
              </a:xfrm>
              <a:prstGeom prst="rect">
                <a:avLst/>
              </a:prstGeom>
              <a:noFill/>
            </p:spPr>
            <p:txBody>
              <a:bodyPr vert="vert" wrap="none" rtlCol="0">
                <a:spAutoFit/>
              </a:bodyPr>
              <a:lstStyle/>
              <a:p>
                <a:pPr algn="l"/>
                <a:r>
                  <a:rPr lang="en-GB" sz="1200" b="1" i="0">
                    <a:ea typeface="Arial" charset="0"/>
                    <a:cs typeface="Arial" charset="0"/>
                  </a:rPr>
                  <a:t>40-44</a:t>
                </a:r>
              </a:p>
            </p:txBody>
          </p:sp>
          <p:sp>
            <p:nvSpPr>
              <p:cNvPr id="42" name="TextBox 41"/>
              <p:cNvSpPr txBox="1"/>
              <p:nvPr/>
            </p:nvSpPr>
            <p:spPr>
              <a:xfrm rot="-1800000">
                <a:off x="7022838" y="4492497"/>
                <a:ext cx="369332" cy="453009"/>
              </a:xfrm>
              <a:prstGeom prst="rect">
                <a:avLst/>
              </a:prstGeom>
              <a:noFill/>
            </p:spPr>
            <p:txBody>
              <a:bodyPr vert="vert" wrap="none" rtlCol="0">
                <a:spAutoFit/>
              </a:bodyPr>
              <a:lstStyle/>
              <a:p>
                <a:pPr algn="l"/>
                <a:r>
                  <a:rPr lang="en-GB" sz="1200" b="1" i="0">
                    <a:ea typeface="Arial" charset="0"/>
                    <a:cs typeface="Arial" charset="0"/>
                  </a:rPr>
                  <a:t>45-49</a:t>
                </a:r>
              </a:p>
            </p:txBody>
          </p:sp>
          <p:sp>
            <p:nvSpPr>
              <p:cNvPr id="43" name="TextBox 42"/>
              <p:cNvSpPr txBox="1"/>
              <p:nvPr/>
            </p:nvSpPr>
            <p:spPr>
              <a:xfrm rot="-1800000">
                <a:off x="7196885" y="4492497"/>
                <a:ext cx="369332" cy="453009"/>
              </a:xfrm>
              <a:prstGeom prst="rect">
                <a:avLst/>
              </a:prstGeom>
              <a:noFill/>
            </p:spPr>
            <p:txBody>
              <a:bodyPr vert="vert" wrap="none" rtlCol="0">
                <a:spAutoFit/>
              </a:bodyPr>
              <a:lstStyle/>
              <a:p>
                <a:pPr algn="l"/>
                <a:r>
                  <a:rPr lang="en-GB" sz="1200" b="1" i="0">
                    <a:ea typeface="Arial" charset="0"/>
                    <a:cs typeface="Arial" charset="0"/>
                  </a:rPr>
                  <a:t>50-54</a:t>
                </a:r>
              </a:p>
            </p:txBody>
          </p:sp>
          <p:sp>
            <p:nvSpPr>
              <p:cNvPr id="44" name="TextBox 43"/>
              <p:cNvSpPr txBox="1"/>
              <p:nvPr/>
            </p:nvSpPr>
            <p:spPr>
              <a:xfrm rot="-1800000">
                <a:off x="7370932" y="4492497"/>
                <a:ext cx="369332" cy="453009"/>
              </a:xfrm>
              <a:prstGeom prst="rect">
                <a:avLst/>
              </a:prstGeom>
              <a:noFill/>
            </p:spPr>
            <p:txBody>
              <a:bodyPr vert="vert" wrap="none" rtlCol="0">
                <a:spAutoFit/>
              </a:bodyPr>
              <a:lstStyle/>
              <a:p>
                <a:pPr algn="l"/>
                <a:r>
                  <a:rPr lang="en-GB" sz="1200" b="1" i="0">
                    <a:ea typeface="Arial" charset="0"/>
                    <a:cs typeface="Arial" charset="0"/>
                  </a:rPr>
                  <a:t>55-59</a:t>
                </a:r>
              </a:p>
            </p:txBody>
          </p:sp>
          <p:sp>
            <p:nvSpPr>
              <p:cNvPr id="45" name="TextBox 44"/>
              <p:cNvSpPr txBox="1"/>
              <p:nvPr/>
            </p:nvSpPr>
            <p:spPr>
              <a:xfrm rot="-1800000">
                <a:off x="7893073" y="4492497"/>
                <a:ext cx="369332" cy="453009"/>
              </a:xfrm>
              <a:prstGeom prst="rect">
                <a:avLst/>
              </a:prstGeom>
              <a:noFill/>
            </p:spPr>
            <p:txBody>
              <a:bodyPr vert="vert" wrap="none" rtlCol="0">
                <a:spAutoFit/>
              </a:bodyPr>
              <a:lstStyle/>
              <a:p>
                <a:pPr algn="l"/>
                <a:r>
                  <a:rPr lang="en-GB" sz="1200" b="1" i="0">
                    <a:ea typeface="Arial" charset="0"/>
                    <a:cs typeface="Arial" charset="0"/>
                  </a:rPr>
                  <a:t>70-74</a:t>
                </a:r>
              </a:p>
            </p:txBody>
          </p:sp>
          <p:sp>
            <p:nvSpPr>
              <p:cNvPr id="46" name="TextBox 45"/>
              <p:cNvSpPr txBox="1"/>
              <p:nvPr/>
            </p:nvSpPr>
            <p:spPr>
              <a:xfrm rot="-1800000">
                <a:off x="8067120" y="4492497"/>
                <a:ext cx="369332" cy="453009"/>
              </a:xfrm>
              <a:prstGeom prst="rect">
                <a:avLst/>
              </a:prstGeom>
              <a:noFill/>
            </p:spPr>
            <p:txBody>
              <a:bodyPr vert="vert" wrap="none" rtlCol="0">
                <a:spAutoFit/>
              </a:bodyPr>
              <a:lstStyle/>
              <a:p>
                <a:pPr algn="l"/>
                <a:r>
                  <a:rPr lang="en-GB" sz="1200" b="1" i="0">
                    <a:ea typeface="Arial" charset="0"/>
                    <a:cs typeface="Arial" charset="0"/>
                  </a:rPr>
                  <a:t>75-79</a:t>
                </a:r>
              </a:p>
            </p:txBody>
          </p:sp>
          <p:sp>
            <p:nvSpPr>
              <p:cNvPr id="47" name="TextBox 46"/>
              <p:cNvSpPr txBox="1"/>
              <p:nvPr/>
            </p:nvSpPr>
            <p:spPr>
              <a:xfrm rot="-1800000">
                <a:off x="8241167" y="4492497"/>
                <a:ext cx="369332" cy="453009"/>
              </a:xfrm>
              <a:prstGeom prst="rect">
                <a:avLst/>
              </a:prstGeom>
              <a:noFill/>
            </p:spPr>
            <p:txBody>
              <a:bodyPr vert="vert" wrap="none" rtlCol="0">
                <a:spAutoFit/>
              </a:bodyPr>
              <a:lstStyle/>
              <a:p>
                <a:pPr algn="l"/>
                <a:r>
                  <a:rPr lang="en-GB" sz="1200" b="1">
                    <a:ea typeface="Arial" charset="0"/>
                    <a:cs typeface="Arial" charset="0"/>
                  </a:rPr>
                  <a:t>8</a:t>
                </a:r>
                <a:r>
                  <a:rPr lang="en-GB" sz="1200" b="1" i="0">
                    <a:ea typeface="Arial" charset="0"/>
                    <a:cs typeface="Arial" charset="0"/>
                  </a:rPr>
                  <a:t>0-84</a:t>
                </a:r>
              </a:p>
            </p:txBody>
          </p:sp>
          <p:sp>
            <p:nvSpPr>
              <p:cNvPr id="48" name="TextBox 47"/>
              <p:cNvSpPr txBox="1"/>
              <p:nvPr/>
            </p:nvSpPr>
            <p:spPr>
              <a:xfrm rot="-1800000">
                <a:off x="8415207" y="4500980"/>
                <a:ext cx="369332" cy="326371"/>
              </a:xfrm>
              <a:prstGeom prst="rect">
                <a:avLst/>
              </a:prstGeom>
              <a:noFill/>
            </p:spPr>
            <p:txBody>
              <a:bodyPr vert="vert" wrap="none" rtlCol="0">
                <a:spAutoFit/>
              </a:bodyPr>
              <a:lstStyle/>
              <a:p>
                <a:pPr algn="l"/>
                <a:r>
                  <a:rPr lang="en-GB" sz="1200" b="1" i="0">
                    <a:ea typeface="Arial" charset="0"/>
                    <a:cs typeface="Arial" charset="0"/>
                  </a:rPr>
                  <a:t>&gt;85</a:t>
                </a:r>
              </a:p>
            </p:txBody>
          </p:sp>
        </p:grpSp>
        <p:sp>
          <p:nvSpPr>
            <p:cNvPr id="21" name="TextBox 20"/>
            <p:cNvSpPr txBox="1"/>
            <p:nvPr/>
          </p:nvSpPr>
          <p:spPr>
            <a:xfrm rot="16200000">
              <a:off x="2276280" y="5760655"/>
              <a:ext cx="492443" cy="895181"/>
            </a:xfrm>
            <a:prstGeom prst="rect">
              <a:avLst/>
            </a:prstGeom>
            <a:noFill/>
          </p:spPr>
          <p:txBody>
            <a:bodyPr vert="vert" wrap="none" rtlCol="0">
              <a:spAutoFit/>
            </a:bodyPr>
            <a:lstStyle/>
            <a:p>
              <a:pPr algn="l"/>
              <a:r>
                <a:rPr lang="en-GB" sz="2000" b="1" i="0" err="1">
                  <a:solidFill>
                    <a:srgbClr val="002060"/>
                  </a:solidFill>
                  <a:ea typeface="Arial" charset="0"/>
                  <a:cs typeface="Arial" charset="0"/>
                </a:rPr>
                <a:t>Leeftijd</a:t>
              </a:r>
              <a:endParaRPr lang="en-GB" sz="2000" b="1" i="0">
                <a:solidFill>
                  <a:srgbClr val="002060"/>
                </a:solidFill>
                <a:ea typeface="Arial" charset="0"/>
                <a:cs typeface="Arial" charset="0"/>
              </a:endParaRPr>
            </a:p>
          </p:txBody>
        </p:sp>
        <p:sp>
          <p:nvSpPr>
            <p:cNvPr id="22" name="TextBox 21"/>
            <p:cNvSpPr txBox="1"/>
            <p:nvPr/>
          </p:nvSpPr>
          <p:spPr>
            <a:xfrm rot="10800000">
              <a:off x="113212" y="3052704"/>
              <a:ext cx="492443" cy="1152751"/>
            </a:xfrm>
            <a:prstGeom prst="rect">
              <a:avLst/>
            </a:prstGeom>
            <a:noFill/>
          </p:spPr>
          <p:txBody>
            <a:bodyPr vert="vert" wrap="none" rtlCol="0">
              <a:spAutoFit/>
            </a:bodyPr>
            <a:lstStyle/>
            <a:p>
              <a:pPr algn="l"/>
              <a:r>
                <a:rPr lang="en-GB" sz="2000" b="1" i="0" err="1">
                  <a:solidFill>
                    <a:srgbClr val="002060"/>
                  </a:solidFill>
                  <a:ea typeface="Arial" charset="0"/>
                  <a:cs typeface="Arial" charset="0"/>
                </a:rPr>
                <a:t>Incidentie</a:t>
              </a:r>
              <a:endParaRPr lang="en-GB" sz="2000" b="1" i="0">
                <a:solidFill>
                  <a:srgbClr val="002060"/>
                </a:solidFill>
                <a:ea typeface="Arial" charset="0"/>
                <a:cs typeface="Arial" charset="0"/>
              </a:endParaRPr>
            </a:p>
          </p:txBody>
        </p:sp>
        <p:grpSp>
          <p:nvGrpSpPr>
            <p:cNvPr id="23" name="Group 22"/>
            <p:cNvGrpSpPr/>
            <p:nvPr/>
          </p:nvGrpSpPr>
          <p:grpSpPr>
            <a:xfrm>
              <a:off x="532197" y="1816372"/>
              <a:ext cx="406523" cy="3895807"/>
              <a:chOff x="532197" y="1816372"/>
              <a:chExt cx="406523" cy="3895807"/>
            </a:xfrm>
          </p:grpSpPr>
          <p:sp>
            <p:nvSpPr>
              <p:cNvPr id="24" name="TextBox 23"/>
              <p:cNvSpPr txBox="1"/>
              <p:nvPr/>
            </p:nvSpPr>
            <p:spPr>
              <a:xfrm rot="16200000">
                <a:off x="550792" y="1797777"/>
                <a:ext cx="369332" cy="406522"/>
              </a:xfrm>
              <a:prstGeom prst="rect">
                <a:avLst/>
              </a:prstGeom>
              <a:noFill/>
            </p:spPr>
            <p:txBody>
              <a:bodyPr vert="vert" wrap="none" rtlCol="0">
                <a:spAutoFit/>
              </a:bodyPr>
              <a:lstStyle/>
              <a:p>
                <a:pPr algn="l"/>
                <a:r>
                  <a:rPr lang="en-GB" sz="1200" b="1" i="0">
                    <a:ea typeface="Arial" charset="0"/>
                    <a:cs typeface="Arial" charset="0"/>
                  </a:rPr>
                  <a:t>2500</a:t>
                </a:r>
              </a:p>
            </p:txBody>
          </p:sp>
          <p:sp>
            <p:nvSpPr>
              <p:cNvPr id="25" name="TextBox 24"/>
              <p:cNvSpPr txBox="1"/>
              <p:nvPr/>
            </p:nvSpPr>
            <p:spPr>
              <a:xfrm rot="16200000">
                <a:off x="550793" y="3208367"/>
                <a:ext cx="369332" cy="406522"/>
              </a:xfrm>
              <a:prstGeom prst="rect">
                <a:avLst/>
              </a:prstGeom>
              <a:noFill/>
            </p:spPr>
            <p:txBody>
              <a:bodyPr vert="vert" wrap="none" rtlCol="0">
                <a:spAutoFit/>
              </a:bodyPr>
              <a:lstStyle/>
              <a:p>
                <a:pPr algn="l"/>
                <a:r>
                  <a:rPr lang="en-GB" sz="1200" b="1" i="0">
                    <a:ea typeface="Arial" charset="0"/>
                    <a:cs typeface="Arial" charset="0"/>
                  </a:rPr>
                  <a:t>1500</a:t>
                </a:r>
              </a:p>
            </p:txBody>
          </p:sp>
          <p:sp>
            <p:nvSpPr>
              <p:cNvPr id="26" name="TextBox 25"/>
              <p:cNvSpPr txBox="1"/>
              <p:nvPr/>
            </p:nvSpPr>
            <p:spPr>
              <a:xfrm rot="16200000">
                <a:off x="550793" y="2503072"/>
                <a:ext cx="369332" cy="406522"/>
              </a:xfrm>
              <a:prstGeom prst="rect">
                <a:avLst/>
              </a:prstGeom>
              <a:noFill/>
            </p:spPr>
            <p:txBody>
              <a:bodyPr vert="vert" wrap="none" rtlCol="0">
                <a:spAutoFit/>
              </a:bodyPr>
              <a:lstStyle/>
              <a:p>
                <a:pPr algn="l"/>
                <a:r>
                  <a:rPr lang="en-GB" sz="1200" b="1" i="0">
                    <a:ea typeface="Arial" charset="0"/>
                    <a:cs typeface="Arial" charset="0"/>
                  </a:rPr>
                  <a:t>2000</a:t>
                </a:r>
              </a:p>
            </p:txBody>
          </p:sp>
          <p:sp>
            <p:nvSpPr>
              <p:cNvPr id="27" name="TextBox 26"/>
              <p:cNvSpPr txBox="1"/>
              <p:nvPr/>
            </p:nvSpPr>
            <p:spPr>
              <a:xfrm rot="16200000">
                <a:off x="590066" y="4658230"/>
                <a:ext cx="369332" cy="327975"/>
              </a:xfrm>
              <a:prstGeom prst="rect">
                <a:avLst/>
              </a:prstGeom>
              <a:noFill/>
            </p:spPr>
            <p:txBody>
              <a:bodyPr vert="vert" wrap="none" rtlCol="0">
                <a:spAutoFit/>
              </a:bodyPr>
              <a:lstStyle/>
              <a:p>
                <a:pPr algn="l"/>
                <a:r>
                  <a:rPr lang="en-GB" sz="1200" b="1" i="0">
                    <a:ea typeface="Arial" charset="0"/>
                    <a:cs typeface="Arial" charset="0"/>
                  </a:rPr>
                  <a:t>500</a:t>
                </a:r>
              </a:p>
            </p:txBody>
          </p:sp>
          <p:sp>
            <p:nvSpPr>
              <p:cNvPr id="28" name="TextBox 27"/>
              <p:cNvSpPr txBox="1"/>
              <p:nvPr/>
            </p:nvSpPr>
            <p:spPr>
              <a:xfrm rot="16200000">
                <a:off x="550793" y="3913662"/>
                <a:ext cx="369332" cy="406522"/>
              </a:xfrm>
              <a:prstGeom prst="rect">
                <a:avLst/>
              </a:prstGeom>
              <a:noFill/>
            </p:spPr>
            <p:txBody>
              <a:bodyPr vert="vert" wrap="none" rtlCol="0">
                <a:spAutoFit/>
              </a:bodyPr>
              <a:lstStyle/>
              <a:p>
                <a:pPr algn="l"/>
                <a:r>
                  <a:rPr lang="en-GB" sz="1200" b="1" i="0">
                    <a:ea typeface="Arial" charset="0"/>
                    <a:cs typeface="Arial" charset="0"/>
                  </a:rPr>
                  <a:t>1000</a:t>
                </a:r>
              </a:p>
            </p:txBody>
          </p:sp>
          <p:sp>
            <p:nvSpPr>
              <p:cNvPr id="29" name="TextBox 28"/>
              <p:cNvSpPr txBox="1"/>
              <p:nvPr/>
            </p:nvSpPr>
            <p:spPr>
              <a:xfrm rot="16200000">
                <a:off x="668613" y="5442072"/>
                <a:ext cx="369332" cy="170881"/>
              </a:xfrm>
              <a:prstGeom prst="rect">
                <a:avLst/>
              </a:prstGeom>
              <a:noFill/>
            </p:spPr>
            <p:txBody>
              <a:bodyPr vert="vert" wrap="none" rtlCol="0">
                <a:spAutoFit/>
              </a:bodyPr>
              <a:lstStyle/>
              <a:p>
                <a:pPr algn="l"/>
                <a:r>
                  <a:rPr lang="en-GB" sz="1200" b="1" i="0">
                    <a:ea typeface="Arial" charset="0"/>
                    <a:cs typeface="Arial" charset="0"/>
                  </a:rPr>
                  <a:t>0</a:t>
                </a:r>
              </a:p>
            </p:txBody>
          </p:sp>
        </p:grpSp>
      </p:grpSp>
      <p:sp>
        <p:nvSpPr>
          <p:cNvPr id="15" name="Rectangle 14"/>
          <p:cNvSpPr/>
          <p:nvPr/>
        </p:nvSpPr>
        <p:spPr>
          <a:xfrm>
            <a:off x="4078238" y="1566316"/>
            <a:ext cx="2346861" cy="923330"/>
          </a:xfrm>
          <a:prstGeom prst="rect">
            <a:avLst/>
          </a:prstGeom>
          <a:noFill/>
        </p:spPr>
        <p:txBody>
          <a:bodyPr wrap="none" lIns="91440" tIns="45720" rIns="91440" bIns="45720">
            <a:spAutoFit/>
          </a:bodyPr>
          <a:lstStyle/>
          <a:p>
            <a:pPr algn="ctr"/>
            <a:r>
              <a:rPr lang="en-US" sz="5400" b="1" cap="none" spc="0" err="1">
                <a:ln w="12700">
                  <a:solidFill>
                    <a:schemeClr val="tx2">
                      <a:lumMod val="75000"/>
                    </a:schemeClr>
                  </a:solidFill>
                  <a:prstDash val="solid"/>
                </a:ln>
                <a:solidFill>
                  <a:srgbClr val="FF0000"/>
                </a:solidFill>
                <a:effectLst>
                  <a:outerShdw dist="38100" dir="2640000" algn="bl" rotWithShape="0">
                    <a:schemeClr val="tx2">
                      <a:lumMod val="75000"/>
                    </a:schemeClr>
                  </a:outerShdw>
                </a:effectLst>
              </a:rPr>
              <a:t>Leeftijd</a:t>
            </a:r>
            <a:endParaRPr lang="en-US" sz="5400" b="1" cap="none" spc="0">
              <a:ln w="12700">
                <a:solidFill>
                  <a:schemeClr val="tx2">
                    <a:lumMod val="75000"/>
                  </a:schemeClr>
                </a:solidFill>
                <a:prstDash val="solid"/>
              </a:ln>
              <a:solidFill>
                <a:srgbClr val="FF0000"/>
              </a:solidFill>
              <a:effectLst>
                <a:outerShdw dist="38100" dir="2640000" algn="bl" rotWithShape="0">
                  <a:schemeClr val="tx2">
                    <a:lumMod val="75000"/>
                  </a:schemeClr>
                </a:outerShdw>
              </a:effectLst>
            </a:endParaRPr>
          </a:p>
        </p:txBody>
      </p:sp>
    </p:spTree>
    <p:extLst>
      <p:ext uri="{BB962C8B-B14F-4D97-AF65-F5344CB8AC3E}">
        <p14:creationId xmlns:p14="http://schemas.microsoft.com/office/powerpoint/2010/main" val="40516506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xit" presetSubtype="0" fill="hold" grpId="0" nodeType="clickEffect">
                                  <p:stCondLst>
                                    <p:cond delay="0"/>
                                  </p:stCondLst>
                                  <p:childTnLst>
                                    <p:animEffect transition="out" filter="fade">
                                      <p:cBhvr>
                                        <p:cTn id="6" dur="500"/>
                                        <p:tgtEl>
                                          <p:spTgt spid="8"/>
                                        </p:tgtEl>
                                      </p:cBhvr>
                                    </p:animEffect>
                                    <p:set>
                                      <p:cBhvr>
                                        <p:cTn id="7" dur="1" fill="hold">
                                          <p:stCondLst>
                                            <p:cond delay="499"/>
                                          </p:stCondLst>
                                        </p:cTn>
                                        <p:tgtEl>
                                          <p:spTgt spid="8"/>
                                        </p:tgtEl>
                                        <p:attrNameLst>
                                          <p:attrName>style.visibility</p:attrName>
                                        </p:attrNameLst>
                                      </p:cBhvr>
                                      <p:to>
                                        <p:strVal val="hidden"/>
                                      </p:to>
                                    </p:set>
                                  </p:childTnLst>
                                </p:cTn>
                              </p:par>
                            </p:childTnLst>
                          </p:cTn>
                        </p:par>
                        <p:par>
                          <p:cTn id="8" fill="hold">
                            <p:stCondLst>
                              <p:cond delay="500"/>
                            </p:stCondLst>
                            <p:childTnLst>
                              <p:par>
                                <p:cTn id="9" presetID="10" presetClass="entr" presetSubtype="0" fill="hold" grpId="0" nodeType="afterEffect">
                                  <p:stCondLst>
                                    <p:cond delay="0"/>
                                  </p:stCondLst>
                                  <p:childTnLst>
                                    <p:set>
                                      <p:cBhvr>
                                        <p:cTn id="10" dur="1" fill="hold">
                                          <p:stCondLst>
                                            <p:cond delay="0"/>
                                          </p:stCondLst>
                                        </p:cTn>
                                        <p:tgtEl>
                                          <p:spTgt spid="15"/>
                                        </p:tgtEl>
                                        <p:attrNameLst>
                                          <p:attrName>style.visibility</p:attrName>
                                        </p:attrNameLst>
                                      </p:cBhvr>
                                      <p:to>
                                        <p:strVal val="visible"/>
                                      </p:to>
                                    </p:set>
                                    <p:animEffect transition="in" filter="fade">
                                      <p:cBhvr>
                                        <p:cTn id="11" dur="500"/>
                                        <p:tgtEl>
                                          <p:spTgt spid="15"/>
                                        </p:tgtEl>
                                      </p:cBhvr>
                                    </p:animEffect>
                                  </p:childTnLst>
                                </p:cTn>
                              </p:par>
                            </p:childTnLst>
                          </p:cTn>
                        </p:par>
                        <p:par>
                          <p:cTn id="12" fill="hold">
                            <p:stCondLst>
                              <p:cond delay="1000"/>
                            </p:stCondLst>
                            <p:childTnLst>
                              <p:par>
                                <p:cTn id="13" presetID="10" presetClass="entr" presetSubtype="0" fill="hold" nodeType="afterEffect">
                                  <p:stCondLst>
                                    <p:cond delay="500"/>
                                  </p:stCondLst>
                                  <p:childTnLst>
                                    <p:set>
                                      <p:cBhvr>
                                        <p:cTn id="14" dur="1" fill="hold">
                                          <p:stCondLst>
                                            <p:cond delay="0"/>
                                          </p:stCondLst>
                                        </p:cTn>
                                        <p:tgtEl>
                                          <p:spTgt spid="18"/>
                                        </p:tgtEl>
                                        <p:attrNameLst>
                                          <p:attrName>style.visibility</p:attrName>
                                        </p:attrNameLst>
                                      </p:cBhvr>
                                      <p:to>
                                        <p:strVal val="visible"/>
                                      </p:to>
                                    </p:set>
                                    <p:animEffect transition="in" filter="fade">
                                      <p:cBhvr>
                                        <p:cTn id="15" dur="500"/>
                                        <p:tgtEl>
                                          <p:spTgt spid="1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p:bldP spid="15" grpId="0"/>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98" name="2025_template publieksdag_02.jpg" descr="2025_template publieksdag_02.jpg"/>
          <p:cNvPicPr>
            <a:picLocks noChangeAspect="1"/>
          </p:cNvPicPr>
          <p:nvPr/>
        </p:nvPicPr>
        <p:blipFill>
          <a:blip r:embed="rId2"/>
          <a:stretch>
            <a:fillRect/>
          </a:stretch>
        </p:blipFill>
        <p:spPr>
          <a:xfrm>
            <a:off x="0" y="0"/>
            <a:ext cx="12192000" cy="6858000"/>
          </a:xfrm>
          <a:prstGeom prst="rect">
            <a:avLst/>
          </a:prstGeom>
          <a:ln w="12700">
            <a:miter lim="400000"/>
          </a:ln>
        </p:spPr>
      </p:pic>
      <p:sp>
        <p:nvSpPr>
          <p:cNvPr id="299" name="Wijzig tekst: klik 2x"/>
          <p:cNvSpPr txBox="1">
            <a:spLocks noGrp="1"/>
          </p:cNvSpPr>
          <p:nvPr>
            <p:ph type="body" idx="4294967295"/>
          </p:nvPr>
        </p:nvSpPr>
        <p:spPr>
          <a:xfrm>
            <a:off x="381000" y="1385628"/>
            <a:ext cx="11430000" cy="4744585"/>
          </a:xfrm>
          <a:prstGeom prst="rect">
            <a:avLst/>
          </a:prstGeom>
        </p:spPr>
        <p:txBody>
          <a:bodyPr lIns="0" tIns="0" rIns="0" bIns="0"/>
          <a:lstStyle/>
          <a:p>
            <a:pPr marL="290513" indent="-290513">
              <a:lnSpc>
                <a:spcPct val="100000"/>
              </a:lnSpc>
              <a:spcBef>
                <a:spcPts val="1300"/>
              </a:spcBef>
              <a:buClr>
                <a:srgbClr val="006DB2"/>
              </a:buClr>
              <a:buFontTx/>
              <a:defRPr sz="2500">
                <a:solidFill>
                  <a:srgbClr val="752120"/>
                </a:solidFill>
                <a:latin typeface="Montserrat ExtraLight"/>
                <a:ea typeface="Montserrat ExtraLight"/>
                <a:cs typeface="Montserrat ExtraLight"/>
                <a:sym typeface="Montserrat ExtraLight"/>
              </a:defRPr>
            </a:pPr>
            <a:endParaRPr/>
          </a:p>
        </p:txBody>
      </p:sp>
      <p:sp>
        <p:nvSpPr>
          <p:cNvPr id="300" name="Wijzig tekst: klik 2x"/>
          <p:cNvSpPr txBox="1">
            <a:spLocks noGrp="1"/>
          </p:cNvSpPr>
          <p:nvPr>
            <p:ph type="title" idx="4294967295"/>
          </p:nvPr>
        </p:nvSpPr>
        <p:spPr>
          <a:xfrm>
            <a:off x="381000" y="0"/>
            <a:ext cx="10668000" cy="1131888"/>
          </a:xfrm>
          <a:prstGeom prst="rect">
            <a:avLst/>
          </a:prstGeom>
        </p:spPr>
        <p:txBody>
          <a:bodyPr lIns="0" tIns="0" rIns="0" bIns="0"/>
          <a:lstStyle/>
          <a:p>
            <a:pPr>
              <a:lnSpc>
                <a:spcPct val="100000"/>
              </a:lnSpc>
              <a:defRPr sz="3000">
                <a:solidFill>
                  <a:srgbClr val="FFFFFF"/>
                </a:solidFill>
                <a:latin typeface="Montserrat SemiBold"/>
                <a:ea typeface="Montserrat SemiBold"/>
                <a:cs typeface="Montserrat SemiBold"/>
                <a:sym typeface="Montserrat SemiBold"/>
              </a:defRPr>
            </a:pPr>
            <a:endParaRPr/>
          </a:p>
        </p:txBody>
      </p:sp>
      <p:pic>
        <p:nvPicPr>
          <p:cNvPr id="1026" name="Picture 2" descr="The first cancer &quot;moonshot&quot; actually launched 50 years ago : Shots - Health  News : N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3460606" y="1530036"/>
            <a:ext cx="3921373" cy="5228498"/>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p:cNvSpPr txBox="1"/>
          <p:nvPr/>
        </p:nvSpPr>
        <p:spPr>
          <a:xfrm>
            <a:off x="8586841" y="5668548"/>
            <a:ext cx="806631" cy="461665"/>
          </a:xfrm>
          <a:prstGeom prst="rect">
            <a:avLst/>
          </a:prstGeom>
          <a:noFill/>
        </p:spPr>
        <p:txBody>
          <a:bodyPr wrap="none" rtlCol="0">
            <a:spAutoFit/>
          </a:bodyPr>
          <a:lstStyle/>
          <a:p>
            <a:pPr algn="l"/>
            <a:r>
              <a:rPr lang="en-GB" sz="2400" b="1" i="0" dirty="0">
                <a:solidFill>
                  <a:schemeClr val="tx1">
                    <a:lumMod val="75000"/>
                    <a:lumOff val="25000"/>
                  </a:schemeClr>
                </a:solidFill>
                <a:ea typeface="Arial" charset="0"/>
                <a:cs typeface="Arial" charset="0"/>
              </a:rPr>
              <a:t>1971</a:t>
            </a:r>
          </a:p>
        </p:txBody>
      </p:sp>
    </p:spTree>
  </p:cSld>
  <p:clrMapOvr>
    <a:masterClrMapping/>
  </p:clrMapOvr>
  <mc:AlternateContent xmlns:mc="http://schemas.openxmlformats.org/markup-compatibility/2006" xmlns:p14="http://schemas.microsoft.com/office/powerpoint/2010/main">
    <mc:Choice Requires="p14">
      <p:transition spd="slow">
        <p:wipe dir="r"/>
      </p:transition>
    </mc:Choice>
    <mc:Fallback xmlns:a14="http://schemas.microsoft.com/office/drawing/2010/main" xmlns:m="http://schemas.openxmlformats.org/officeDocument/2006/math"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DE86E30E-E8A5-3B1B-ED4F-A00854A88601}"/>
              </a:ext>
            </a:extLst>
          </p:cNvPr>
          <p:cNvSpPr>
            <a:spLocks noGrp="1"/>
          </p:cNvSpPr>
          <p:nvPr>
            <p:ph type="subTitle" idx="13"/>
          </p:nvPr>
        </p:nvSpPr>
        <p:spPr/>
        <p:txBody>
          <a:bodyPr/>
          <a:lstStyle/>
          <a:p>
            <a:endParaRPr lang="en-NL" dirty="0">
              <a:solidFill>
                <a:srgbClr val="C00000"/>
              </a:solidFill>
            </a:endParaRPr>
          </a:p>
        </p:txBody>
      </p:sp>
      <p:sp>
        <p:nvSpPr>
          <p:cNvPr id="4" name="Title 3">
            <a:extLst>
              <a:ext uri="{FF2B5EF4-FFF2-40B4-BE49-F238E27FC236}">
                <a16:creationId xmlns:a16="http://schemas.microsoft.com/office/drawing/2014/main" id="{4D1C6F3F-E9CA-2195-5DA0-6705D25C203A}"/>
              </a:ext>
            </a:extLst>
          </p:cNvPr>
          <p:cNvSpPr>
            <a:spLocks noGrp="1"/>
          </p:cNvSpPr>
          <p:nvPr>
            <p:ph type="title"/>
          </p:nvPr>
        </p:nvSpPr>
        <p:spPr/>
        <p:txBody>
          <a:bodyPr/>
          <a:lstStyle/>
          <a:p>
            <a:r>
              <a:rPr lang="en-GB"/>
              <a:t>Het </a:t>
            </a:r>
            <a:r>
              <a:rPr lang="en-GB" err="1"/>
              <a:t>probleem</a:t>
            </a:r>
            <a:endParaRPr lang="en-NL"/>
          </a:p>
        </p:txBody>
      </p:sp>
      <p:sp>
        <p:nvSpPr>
          <p:cNvPr id="5" name="Date Placeholder 4">
            <a:extLst>
              <a:ext uri="{FF2B5EF4-FFF2-40B4-BE49-F238E27FC236}">
                <a16:creationId xmlns:a16="http://schemas.microsoft.com/office/drawing/2014/main" id="{2E9ED2C5-D15E-2A48-B0E5-CA81BA89796F}"/>
              </a:ext>
            </a:extLst>
          </p:cNvPr>
          <p:cNvSpPr>
            <a:spLocks noGrp="1"/>
          </p:cNvSpPr>
          <p:nvPr>
            <p:ph type="dt" sz="half" idx="14"/>
          </p:nvPr>
        </p:nvSpPr>
        <p:spPr/>
        <p:txBody>
          <a:bodyPr/>
          <a:lstStyle/>
          <a:p>
            <a:fld id="{E02C8C58-7455-42B9-A9FD-EE48EC293C11}" type="datetime1">
              <a:rPr lang="en-GB" smtClean="0"/>
              <a:t>15/03/2025</a:t>
            </a:fld>
            <a:endParaRPr lang="en-GB"/>
          </a:p>
        </p:txBody>
      </p:sp>
      <p:sp>
        <p:nvSpPr>
          <p:cNvPr id="6" name="Footer Placeholder 5">
            <a:extLst>
              <a:ext uri="{FF2B5EF4-FFF2-40B4-BE49-F238E27FC236}">
                <a16:creationId xmlns:a16="http://schemas.microsoft.com/office/drawing/2014/main" id="{A40DAEC7-1718-52BA-53D7-84F591E2C4E3}"/>
              </a:ext>
            </a:extLst>
          </p:cNvPr>
          <p:cNvSpPr>
            <a:spLocks noGrp="1"/>
          </p:cNvSpPr>
          <p:nvPr>
            <p:ph type="ftr" sz="quarter" idx="15"/>
          </p:nvPr>
        </p:nvSpPr>
        <p:spPr/>
        <p:txBody>
          <a:bodyPr/>
          <a:lstStyle/>
          <a:p>
            <a:endParaRPr lang="en-GB"/>
          </a:p>
        </p:txBody>
      </p:sp>
      <p:sp>
        <p:nvSpPr>
          <p:cNvPr id="7" name="Slide Number Placeholder 6">
            <a:extLst>
              <a:ext uri="{FF2B5EF4-FFF2-40B4-BE49-F238E27FC236}">
                <a16:creationId xmlns:a16="http://schemas.microsoft.com/office/drawing/2014/main" id="{55E86712-0E9C-E6E5-CF86-2AEF1E4488A8}"/>
              </a:ext>
            </a:extLst>
          </p:cNvPr>
          <p:cNvSpPr>
            <a:spLocks noGrp="1"/>
          </p:cNvSpPr>
          <p:nvPr>
            <p:ph type="sldNum" sz="quarter" idx="16"/>
          </p:nvPr>
        </p:nvSpPr>
        <p:spPr/>
        <p:txBody>
          <a:bodyPr/>
          <a:lstStyle/>
          <a:p>
            <a:fld id="{83D1311D-0AF4-BF42-8BF9-EAD1FE65203C}" type="slidenum">
              <a:rPr lang="en-GB" smtClean="0"/>
              <a:pPr/>
              <a:t>5</a:t>
            </a:fld>
            <a:endParaRPr lang="en-GB"/>
          </a:p>
        </p:txBody>
      </p:sp>
      <p:pic>
        <p:nvPicPr>
          <p:cNvPr id="15" name="Picture 14">
            <a:extLst>
              <a:ext uri="{FF2B5EF4-FFF2-40B4-BE49-F238E27FC236}">
                <a16:creationId xmlns:a16="http://schemas.microsoft.com/office/drawing/2014/main" id="{9994B70B-9F5B-3B67-3D80-F4662178B7A5}"/>
              </a:ext>
            </a:extLst>
          </p:cNvPr>
          <p:cNvPicPr>
            <a:picLocks noChangeAspect="1"/>
          </p:cNvPicPr>
          <p:nvPr/>
        </p:nvPicPr>
        <p:blipFill>
          <a:blip r:embed="rId3"/>
          <a:stretch>
            <a:fillRect/>
          </a:stretch>
        </p:blipFill>
        <p:spPr>
          <a:xfrm>
            <a:off x="3152712" y="1570929"/>
            <a:ext cx="5513540" cy="4626504"/>
          </a:xfrm>
          <a:prstGeom prst="rect">
            <a:avLst/>
          </a:prstGeom>
        </p:spPr>
      </p:pic>
      <p:pic>
        <p:nvPicPr>
          <p:cNvPr id="19" name="Picture 18">
            <a:extLst>
              <a:ext uri="{FF2B5EF4-FFF2-40B4-BE49-F238E27FC236}">
                <a16:creationId xmlns:a16="http://schemas.microsoft.com/office/drawing/2014/main" id="{F9F92216-3194-5F84-31DE-2FF8DF24DA59}"/>
              </a:ext>
            </a:extLst>
          </p:cNvPr>
          <p:cNvPicPr>
            <a:picLocks noChangeAspect="1"/>
          </p:cNvPicPr>
          <p:nvPr/>
        </p:nvPicPr>
        <p:blipFill>
          <a:blip r:embed="rId4"/>
          <a:stretch>
            <a:fillRect/>
          </a:stretch>
        </p:blipFill>
        <p:spPr>
          <a:xfrm>
            <a:off x="8768618" y="1515657"/>
            <a:ext cx="2524143" cy="2419368"/>
          </a:xfrm>
          <a:prstGeom prst="rect">
            <a:avLst/>
          </a:prstGeom>
          <a:ln>
            <a:solidFill>
              <a:srgbClr val="C00000"/>
            </a:solidFill>
          </a:ln>
        </p:spPr>
      </p:pic>
      <p:cxnSp>
        <p:nvCxnSpPr>
          <p:cNvPr id="8" name="Straight Connector 7">
            <a:extLst>
              <a:ext uri="{FF2B5EF4-FFF2-40B4-BE49-F238E27FC236}">
                <a16:creationId xmlns:a16="http://schemas.microsoft.com/office/drawing/2014/main" id="{65A599A7-3510-A337-F304-A701F29D0542}"/>
              </a:ext>
            </a:extLst>
          </p:cNvPr>
          <p:cNvCxnSpPr>
            <a:cxnSpLocks/>
          </p:cNvCxnSpPr>
          <p:nvPr/>
        </p:nvCxnSpPr>
        <p:spPr>
          <a:xfrm flipV="1">
            <a:off x="6853473" y="1515657"/>
            <a:ext cx="1915145" cy="811084"/>
          </a:xfrm>
          <a:prstGeom prst="line">
            <a:avLst/>
          </a:prstGeom>
          <a:ln w="28575">
            <a:solidFill>
              <a:srgbClr val="C00000"/>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BAE30CAD-E670-C6C2-D317-5261EFBC11E5}"/>
              </a:ext>
            </a:extLst>
          </p:cNvPr>
          <p:cNvCxnSpPr>
            <a:cxnSpLocks/>
          </p:cNvCxnSpPr>
          <p:nvPr/>
        </p:nvCxnSpPr>
        <p:spPr>
          <a:xfrm>
            <a:off x="6934954" y="3156225"/>
            <a:ext cx="1833664" cy="796907"/>
          </a:xfrm>
          <a:prstGeom prst="line">
            <a:avLst/>
          </a:prstGeom>
          <a:ln w="28575">
            <a:solidFill>
              <a:srgbClr val="C0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4173564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DE86E30E-E8A5-3B1B-ED4F-A00854A88601}"/>
              </a:ext>
            </a:extLst>
          </p:cNvPr>
          <p:cNvSpPr>
            <a:spLocks noGrp="1"/>
          </p:cNvSpPr>
          <p:nvPr>
            <p:ph type="subTitle" idx="13"/>
          </p:nvPr>
        </p:nvSpPr>
        <p:spPr/>
        <p:txBody>
          <a:bodyPr/>
          <a:lstStyle/>
          <a:p>
            <a:r>
              <a:rPr lang="en-GB" err="1">
                <a:solidFill>
                  <a:srgbClr val="C00000"/>
                </a:solidFill>
              </a:rPr>
              <a:t>Wegsnijden</a:t>
            </a:r>
            <a:r>
              <a:rPr lang="en-GB">
                <a:solidFill>
                  <a:srgbClr val="C00000"/>
                </a:solidFill>
              </a:rPr>
              <a:t>?</a:t>
            </a:r>
            <a:endParaRPr lang="en-NL">
              <a:solidFill>
                <a:srgbClr val="C00000"/>
              </a:solidFill>
            </a:endParaRPr>
          </a:p>
        </p:txBody>
      </p:sp>
      <p:sp>
        <p:nvSpPr>
          <p:cNvPr id="4" name="Title 3">
            <a:extLst>
              <a:ext uri="{FF2B5EF4-FFF2-40B4-BE49-F238E27FC236}">
                <a16:creationId xmlns:a16="http://schemas.microsoft.com/office/drawing/2014/main" id="{4D1C6F3F-E9CA-2195-5DA0-6705D25C203A}"/>
              </a:ext>
            </a:extLst>
          </p:cNvPr>
          <p:cNvSpPr>
            <a:spLocks noGrp="1"/>
          </p:cNvSpPr>
          <p:nvPr>
            <p:ph type="title"/>
          </p:nvPr>
        </p:nvSpPr>
        <p:spPr/>
        <p:txBody>
          <a:bodyPr/>
          <a:lstStyle/>
          <a:p>
            <a:r>
              <a:rPr lang="en-GB" dirty="0" err="1"/>
              <a:t>Oplossing</a:t>
            </a:r>
            <a:r>
              <a:rPr lang="en-GB" dirty="0"/>
              <a:t> 1</a:t>
            </a:r>
            <a:endParaRPr lang="en-NL" dirty="0"/>
          </a:p>
        </p:txBody>
      </p:sp>
      <p:sp>
        <p:nvSpPr>
          <p:cNvPr id="5" name="Date Placeholder 4">
            <a:extLst>
              <a:ext uri="{FF2B5EF4-FFF2-40B4-BE49-F238E27FC236}">
                <a16:creationId xmlns:a16="http://schemas.microsoft.com/office/drawing/2014/main" id="{2E9ED2C5-D15E-2A48-B0E5-CA81BA89796F}"/>
              </a:ext>
            </a:extLst>
          </p:cNvPr>
          <p:cNvSpPr>
            <a:spLocks noGrp="1"/>
          </p:cNvSpPr>
          <p:nvPr>
            <p:ph type="dt" sz="half" idx="14"/>
          </p:nvPr>
        </p:nvSpPr>
        <p:spPr/>
        <p:txBody>
          <a:bodyPr/>
          <a:lstStyle/>
          <a:p>
            <a:fld id="{E02C8C58-7455-42B9-A9FD-EE48EC293C11}" type="datetime1">
              <a:rPr lang="en-GB" smtClean="0"/>
              <a:t>15/03/2025</a:t>
            </a:fld>
            <a:endParaRPr lang="en-GB"/>
          </a:p>
        </p:txBody>
      </p:sp>
      <p:sp>
        <p:nvSpPr>
          <p:cNvPr id="6" name="Footer Placeholder 5">
            <a:extLst>
              <a:ext uri="{FF2B5EF4-FFF2-40B4-BE49-F238E27FC236}">
                <a16:creationId xmlns:a16="http://schemas.microsoft.com/office/drawing/2014/main" id="{A40DAEC7-1718-52BA-53D7-84F591E2C4E3}"/>
              </a:ext>
            </a:extLst>
          </p:cNvPr>
          <p:cNvSpPr>
            <a:spLocks noGrp="1"/>
          </p:cNvSpPr>
          <p:nvPr>
            <p:ph type="ftr" sz="quarter" idx="15"/>
          </p:nvPr>
        </p:nvSpPr>
        <p:spPr/>
        <p:txBody>
          <a:bodyPr/>
          <a:lstStyle/>
          <a:p>
            <a:endParaRPr lang="en-GB"/>
          </a:p>
        </p:txBody>
      </p:sp>
      <p:sp>
        <p:nvSpPr>
          <p:cNvPr id="7" name="Slide Number Placeholder 6">
            <a:extLst>
              <a:ext uri="{FF2B5EF4-FFF2-40B4-BE49-F238E27FC236}">
                <a16:creationId xmlns:a16="http://schemas.microsoft.com/office/drawing/2014/main" id="{55E86712-0E9C-E6E5-CF86-2AEF1E4488A8}"/>
              </a:ext>
            </a:extLst>
          </p:cNvPr>
          <p:cNvSpPr>
            <a:spLocks noGrp="1"/>
          </p:cNvSpPr>
          <p:nvPr>
            <p:ph type="sldNum" sz="quarter" idx="16"/>
          </p:nvPr>
        </p:nvSpPr>
        <p:spPr/>
        <p:txBody>
          <a:bodyPr/>
          <a:lstStyle/>
          <a:p>
            <a:fld id="{83D1311D-0AF4-BF42-8BF9-EAD1FE65203C}" type="slidenum">
              <a:rPr lang="en-GB" smtClean="0"/>
              <a:pPr/>
              <a:t>6</a:t>
            </a:fld>
            <a:endParaRPr lang="en-GB"/>
          </a:p>
        </p:txBody>
      </p:sp>
      <p:pic>
        <p:nvPicPr>
          <p:cNvPr id="15" name="Picture 14">
            <a:extLst>
              <a:ext uri="{FF2B5EF4-FFF2-40B4-BE49-F238E27FC236}">
                <a16:creationId xmlns:a16="http://schemas.microsoft.com/office/drawing/2014/main" id="{9994B70B-9F5B-3B67-3D80-F4662178B7A5}"/>
              </a:ext>
            </a:extLst>
          </p:cNvPr>
          <p:cNvPicPr>
            <a:picLocks noChangeAspect="1"/>
          </p:cNvPicPr>
          <p:nvPr/>
        </p:nvPicPr>
        <p:blipFill>
          <a:blip r:embed="rId3"/>
          <a:stretch>
            <a:fillRect/>
          </a:stretch>
        </p:blipFill>
        <p:spPr>
          <a:xfrm>
            <a:off x="3152712" y="1570929"/>
            <a:ext cx="5513540" cy="4626504"/>
          </a:xfrm>
          <a:prstGeom prst="rect">
            <a:avLst/>
          </a:prstGeom>
        </p:spPr>
      </p:pic>
      <p:pic>
        <p:nvPicPr>
          <p:cNvPr id="19" name="Picture 18">
            <a:extLst>
              <a:ext uri="{FF2B5EF4-FFF2-40B4-BE49-F238E27FC236}">
                <a16:creationId xmlns:a16="http://schemas.microsoft.com/office/drawing/2014/main" id="{F9F92216-3194-5F84-31DE-2FF8DF24DA59}"/>
              </a:ext>
            </a:extLst>
          </p:cNvPr>
          <p:cNvPicPr>
            <a:picLocks noChangeAspect="1"/>
          </p:cNvPicPr>
          <p:nvPr/>
        </p:nvPicPr>
        <p:blipFill>
          <a:blip r:embed="rId4"/>
          <a:stretch>
            <a:fillRect/>
          </a:stretch>
        </p:blipFill>
        <p:spPr>
          <a:xfrm>
            <a:off x="8578495" y="1570929"/>
            <a:ext cx="2524143" cy="2419368"/>
          </a:xfrm>
          <a:prstGeom prst="rect">
            <a:avLst/>
          </a:prstGeom>
        </p:spPr>
      </p:pic>
      <p:pic>
        <p:nvPicPr>
          <p:cNvPr id="9" name="Picture 8">
            <a:extLst>
              <a:ext uri="{FF2B5EF4-FFF2-40B4-BE49-F238E27FC236}">
                <a16:creationId xmlns:a16="http://schemas.microsoft.com/office/drawing/2014/main" id="{43F6C8B3-39BF-4183-D151-4BABB96C1635}"/>
              </a:ext>
            </a:extLst>
          </p:cNvPr>
          <p:cNvPicPr>
            <a:picLocks noChangeAspect="1"/>
          </p:cNvPicPr>
          <p:nvPr/>
        </p:nvPicPr>
        <p:blipFill>
          <a:blip r:embed="rId5"/>
          <a:stretch>
            <a:fillRect/>
          </a:stretch>
        </p:blipFill>
        <p:spPr>
          <a:xfrm flipH="1">
            <a:off x="631825" y="2058932"/>
            <a:ext cx="2789083" cy="1685433"/>
          </a:xfrm>
          <a:prstGeom prst="rect">
            <a:avLst/>
          </a:prstGeom>
        </p:spPr>
      </p:pic>
      <p:sp>
        <p:nvSpPr>
          <p:cNvPr id="3" name="Rectangle: Rounded Corners 2">
            <a:extLst>
              <a:ext uri="{FF2B5EF4-FFF2-40B4-BE49-F238E27FC236}">
                <a16:creationId xmlns:a16="http://schemas.microsoft.com/office/drawing/2014/main" id="{E7E3775C-2A53-CD38-82DB-09D6EE1B7B20}"/>
              </a:ext>
            </a:extLst>
          </p:cNvPr>
          <p:cNvSpPr/>
          <p:nvPr/>
        </p:nvSpPr>
        <p:spPr>
          <a:xfrm>
            <a:off x="8383509" y="926508"/>
            <a:ext cx="3808491" cy="3564012"/>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0" name="Subtitle 1">
            <a:extLst>
              <a:ext uri="{FF2B5EF4-FFF2-40B4-BE49-F238E27FC236}">
                <a16:creationId xmlns:a16="http://schemas.microsoft.com/office/drawing/2014/main" id="{BA3BB776-4F4E-5536-97E4-24F65C783A3A}"/>
              </a:ext>
            </a:extLst>
          </p:cNvPr>
          <p:cNvSpPr txBox="1">
            <a:spLocks/>
          </p:cNvSpPr>
          <p:nvPr/>
        </p:nvSpPr>
        <p:spPr bwMode="auto">
          <a:xfrm>
            <a:off x="6534172" y="309262"/>
            <a:ext cx="5289654" cy="648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lvl1pPr marL="0" indent="0" algn="l" rtl="0" eaLnBrk="0" fontAlgn="base" hangingPunct="0">
              <a:lnSpc>
                <a:spcPct val="90000"/>
              </a:lnSpc>
              <a:spcBef>
                <a:spcPts val="1000"/>
              </a:spcBef>
              <a:spcAft>
                <a:spcPct val="0"/>
              </a:spcAft>
              <a:buFont typeface="Arial" panose="020B0604020202020204" pitchFamily="34" charset="0"/>
              <a:buNone/>
              <a:defRPr sz="2400" b="1" i="0" kern="1200">
                <a:solidFill>
                  <a:schemeClr val="accent1"/>
                </a:solidFill>
                <a:latin typeface="Arial" panose="020B0604020202020204" pitchFamily="34" charset="0"/>
                <a:ea typeface="+mn-ea"/>
                <a:cs typeface="Arial" panose="020B0604020202020204" pitchFamily="34" charset="0"/>
              </a:defRPr>
            </a:lvl1pPr>
            <a:lvl2pPr marL="457200" indent="0" algn="ctr" rtl="0" eaLnBrk="0" fontAlgn="base" hangingPunct="0">
              <a:lnSpc>
                <a:spcPct val="90000"/>
              </a:lnSpc>
              <a:spcBef>
                <a:spcPts val="500"/>
              </a:spcBef>
              <a:spcAft>
                <a:spcPct val="0"/>
              </a:spcAft>
              <a:buFont typeface="Arial" panose="020B0604020202020204" pitchFamily="34" charset="0"/>
              <a:buNone/>
              <a:defRPr sz="2000" kern="1200">
                <a:solidFill>
                  <a:schemeClr val="tx2"/>
                </a:solidFill>
                <a:latin typeface="Arial" panose="020B0604020202020204" pitchFamily="34" charset="0"/>
                <a:ea typeface="+mn-ea"/>
                <a:cs typeface="Arial" panose="020B0604020202020204" pitchFamily="34" charset="0"/>
              </a:defRPr>
            </a:lvl2pPr>
            <a:lvl3pPr marL="914400" indent="0" algn="ctr" rtl="0" eaLnBrk="0" fontAlgn="base" hangingPunct="0">
              <a:lnSpc>
                <a:spcPct val="90000"/>
              </a:lnSpc>
              <a:spcBef>
                <a:spcPts val="500"/>
              </a:spcBef>
              <a:spcAft>
                <a:spcPct val="0"/>
              </a:spcAft>
              <a:buFont typeface="Arial" panose="020B0604020202020204" pitchFamily="34" charset="0"/>
              <a:buNone/>
              <a:defRPr sz="1800" kern="1200">
                <a:solidFill>
                  <a:schemeClr val="tx2"/>
                </a:solidFill>
                <a:latin typeface="Arial" panose="020B0604020202020204" pitchFamily="34" charset="0"/>
                <a:ea typeface="+mn-ea"/>
                <a:cs typeface="Arial" panose="020B0604020202020204" pitchFamily="34" charset="0"/>
              </a:defRPr>
            </a:lvl3pPr>
            <a:lvl4pPr marL="1371600" indent="0" algn="ctr" rtl="0" eaLnBrk="0" fontAlgn="base" hangingPunct="0">
              <a:lnSpc>
                <a:spcPct val="90000"/>
              </a:lnSpc>
              <a:spcBef>
                <a:spcPts val="500"/>
              </a:spcBef>
              <a:spcAft>
                <a:spcPct val="0"/>
              </a:spcAft>
              <a:buFont typeface="Arial" panose="020B0604020202020204" pitchFamily="34" charset="0"/>
              <a:buNone/>
              <a:defRPr sz="1600" kern="1200">
                <a:solidFill>
                  <a:schemeClr val="tx2"/>
                </a:solidFill>
                <a:latin typeface="Arial" panose="020B0604020202020204" pitchFamily="34" charset="0"/>
                <a:ea typeface="+mn-ea"/>
                <a:cs typeface="Arial" panose="020B0604020202020204" pitchFamily="34" charset="0"/>
              </a:defRPr>
            </a:lvl4pPr>
            <a:lvl5pPr marL="1828800" indent="0" algn="ctr" rtl="0" eaLnBrk="0" fontAlgn="base" hangingPunct="0">
              <a:lnSpc>
                <a:spcPct val="90000"/>
              </a:lnSpc>
              <a:spcBef>
                <a:spcPts val="500"/>
              </a:spcBef>
              <a:spcAft>
                <a:spcPct val="0"/>
              </a:spcAft>
              <a:buFont typeface="Arial" panose="020B0604020202020204" pitchFamily="34" charset="0"/>
              <a:buNone/>
              <a:defRPr sz="1600" kern="1200">
                <a:solidFill>
                  <a:schemeClr val="tx2"/>
                </a:solidFill>
                <a:latin typeface="Arial" panose="020B0604020202020204" pitchFamily="34" charset="0"/>
                <a:ea typeface="+mn-ea"/>
                <a:cs typeface="Arial" panose="020B0604020202020204" pitchFamily="34" charset="0"/>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GB" dirty="0" err="1">
                <a:solidFill>
                  <a:srgbClr val="C00000"/>
                </a:solidFill>
              </a:rPr>
              <a:t>Geheel</a:t>
            </a:r>
            <a:r>
              <a:rPr lang="en-GB" dirty="0">
                <a:solidFill>
                  <a:srgbClr val="C00000"/>
                </a:solidFill>
              </a:rPr>
              <a:t> </a:t>
            </a:r>
            <a:r>
              <a:rPr lang="en-GB" dirty="0" err="1">
                <a:solidFill>
                  <a:srgbClr val="C00000"/>
                </a:solidFill>
              </a:rPr>
              <a:t>wegsnijden</a:t>
            </a:r>
            <a:r>
              <a:rPr lang="en-GB" dirty="0">
                <a:solidFill>
                  <a:srgbClr val="C00000"/>
                </a:solidFill>
              </a:rPr>
              <a:t> is </a:t>
            </a:r>
            <a:r>
              <a:rPr lang="en-GB" dirty="0" err="1">
                <a:solidFill>
                  <a:srgbClr val="C00000"/>
                </a:solidFill>
              </a:rPr>
              <a:t>niet</a:t>
            </a:r>
            <a:r>
              <a:rPr lang="en-GB" dirty="0">
                <a:solidFill>
                  <a:srgbClr val="C00000"/>
                </a:solidFill>
              </a:rPr>
              <a:t> </a:t>
            </a:r>
            <a:r>
              <a:rPr lang="en-GB" dirty="0" err="1">
                <a:solidFill>
                  <a:srgbClr val="C00000"/>
                </a:solidFill>
              </a:rPr>
              <a:t>mogelijk</a:t>
            </a:r>
            <a:endParaRPr lang="en-NL" dirty="0">
              <a:solidFill>
                <a:srgbClr val="C00000"/>
              </a:solidFill>
            </a:endParaRPr>
          </a:p>
          <a:p>
            <a:endParaRPr lang="en-NL" dirty="0"/>
          </a:p>
        </p:txBody>
      </p:sp>
      <p:pic>
        <p:nvPicPr>
          <p:cNvPr id="12" name="Picture 11">
            <a:extLst>
              <a:ext uri="{FF2B5EF4-FFF2-40B4-BE49-F238E27FC236}">
                <a16:creationId xmlns:a16="http://schemas.microsoft.com/office/drawing/2014/main" id="{AAF5238D-913C-8804-D780-80AEE02B0A82}"/>
              </a:ext>
            </a:extLst>
          </p:cNvPr>
          <p:cNvPicPr>
            <a:picLocks noChangeAspect="1"/>
          </p:cNvPicPr>
          <p:nvPr/>
        </p:nvPicPr>
        <p:blipFill>
          <a:blip r:embed="rId6"/>
          <a:stretch>
            <a:fillRect/>
          </a:stretch>
        </p:blipFill>
        <p:spPr>
          <a:xfrm>
            <a:off x="8471100" y="1624354"/>
            <a:ext cx="3633308" cy="2419367"/>
          </a:xfrm>
          <a:prstGeom prst="rect">
            <a:avLst/>
          </a:prstGeom>
        </p:spPr>
      </p:pic>
      <p:pic>
        <p:nvPicPr>
          <p:cNvPr id="8" name="Picture 2" descr="Our Research | The Rutka Lab | SickKids">
            <a:extLst>
              <a:ext uri="{FF2B5EF4-FFF2-40B4-BE49-F238E27FC236}">
                <a16:creationId xmlns:a16="http://schemas.microsoft.com/office/drawing/2014/main" id="{A39800A7-83BC-5AFF-E35D-DC1CBE16575A}"/>
              </a:ext>
            </a:extLst>
          </p:cNvPr>
          <p:cNvPicPr>
            <a:picLocks noChangeAspect="1" noChangeArrowheads="1"/>
          </p:cNvPicPr>
          <p:nvPr/>
        </p:nvPicPr>
        <p:blipFill rotWithShape="1">
          <a:blip r:embed="rId7">
            <a:extLst>
              <a:ext uri="{28A0092B-C50C-407E-A947-70E740481C1C}">
                <a14:useLocalDpi xmlns:a14="http://schemas.microsoft.com/office/drawing/2010/main" val="0"/>
              </a:ext>
            </a:extLst>
          </a:blip>
          <a:srcRect l="1458" r="2895" b="17242"/>
          <a:stretch/>
        </p:blipFill>
        <p:spPr bwMode="auto">
          <a:xfrm>
            <a:off x="8471100" y="1122845"/>
            <a:ext cx="3633308" cy="31495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9665420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fade">
                                      <p:cBhvr>
                                        <p:cTn id="7" dur="500"/>
                                        <p:tgtEl>
                                          <p:spTgt spid="12"/>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3"/>
                                        </p:tgtEl>
                                        <p:attrNameLst>
                                          <p:attrName>style.visibility</p:attrName>
                                        </p:attrNameLst>
                                      </p:cBhvr>
                                      <p:to>
                                        <p:strVal val="visible"/>
                                      </p:to>
                                    </p:set>
                                    <p:animEffect transition="in" filter="fade">
                                      <p:cBhvr>
                                        <p:cTn id="10" dur="500"/>
                                        <p:tgtEl>
                                          <p:spTgt spid="3"/>
                                        </p:tgtEl>
                                      </p:cBhvr>
                                    </p:animEffect>
                                  </p:childTnLst>
                                </p:cTn>
                              </p:par>
                            </p:childTnLst>
                          </p:cTn>
                        </p:par>
                      </p:childTnLst>
                    </p:cTn>
                  </p:par>
                  <p:par>
                    <p:cTn id="11" fill="hold">
                      <p:stCondLst>
                        <p:cond delay="indefinite"/>
                      </p:stCondLst>
                      <p:childTnLst>
                        <p:par>
                          <p:cTn id="12" fill="hold">
                            <p:stCondLst>
                              <p:cond delay="0"/>
                            </p:stCondLst>
                            <p:childTnLst>
                              <p:par>
                                <p:cTn id="13" presetID="10" presetClass="entr" presetSubtype="0" fill="hold" grpId="0" nodeType="clickEffect">
                                  <p:stCondLst>
                                    <p:cond delay="0"/>
                                  </p:stCondLst>
                                  <p:childTnLst>
                                    <p:set>
                                      <p:cBhvr>
                                        <p:cTn id="14" dur="1" fill="hold">
                                          <p:stCondLst>
                                            <p:cond delay="0"/>
                                          </p:stCondLst>
                                        </p:cTn>
                                        <p:tgtEl>
                                          <p:spTgt spid="10"/>
                                        </p:tgtEl>
                                        <p:attrNameLst>
                                          <p:attrName>style.visibility</p:attrName>
                                        </p:attrNameLst>
                                      </p:cBhvr>
                                      <p:to>
                                        <p:strVal val="visible"/>
                                      </p:to>
                                    </p:set>
                                    <p:animEffect transition="in" filter="fade">
                                      <p:cBhvr>
                                        <p:cTn id="15" dur="500"/>
                                        <p:tgtEl>
                                          <p:spTgt spid="10"/>
                                        </p:tgtEl>
                                      </p:cBhvr>
                                    </p:animEffect>
                                  </p:childTnLst>
                                </p:cTn>
                              </p:par>
                            </p:childTnLst>
                          </p:cTn>
                        </p:par>
                        <p:par>
                          <p:cTn id="16" fill="hold">
                            <p:stCondLst>
                              <p:cond delay="500"/>
                            </p:stCondLst>
                            <p:childTnLst>
                              <p:par>
                                <p:cTn id="17" presetID="10" presetClass="entr" presetSubtype="0" fill="hold" nodeType="afterEffect">
                                  <p:stCondLst>
                                    <p:cond delay="0"/>
                                  </p:stCondLst>
                                  <p:childTnLst>
                                    <p:set>
                                      <p:cBhvr>
                                        <p:cTn id="18" dur="1" fill="hold">
                                          <p:stCondLst>
                                            <p:cond delay="0"/>
                                          </p:stCondLst>
                                        </p:cTn>
                                        <p:tgtEl>
                                          <p:spTgt spid="8"/>
                                        </p:tgtEl>
                                        <p:attrNameLst>
                                          <p:attrName>style.visibility</p:attrName>
                                        </p:attrNameLst>
                                      </p:cBhvr>
                                      <p:to>
                                        <p:strVal val="visible"/>
                                      </p:to>
                                    </p:set>
                                    <p:animEffect transition="in" filter="fade">
                                      <p:cBhvr>
                                        <p:cTn id="19" dur="50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10"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03FF4C9-A90B-EE59-0EAB-1041FACCA301}"/>
            </a:ext>
          </a:extLst>
        </p:cNvPr>
        <p:cNvGrpSpPr/>
        <p:nvPr/>
      </p:nvGrpSpPr>
      <p:grpSpPr>
        <a:xfrm>
          <a:off x="0" y="0"/>
          <a:ext cx="0" cy="0"/>
          <a:chOff x="0" y="0"/>
          <a:chExt cx="0" cy="0"/>
        </a:xfrm>
      </p:grpSpPr>
      <p:sp>
        <p:nvSpPr>
          <p:cNvPr id="2" name="Subtitle 1">
            <a:extLst>
              <a:ext uri="{FF2B5EF4-FFF2-40B4-BE49-F238E27FC236}">
                <a16:creationId xmlns:a16="http://schemas.microsoft.com/office/drawing/2014/main" id="{41BA7B0D-9D4E-9ECC-ACDE-111DABA2028E}"/>
              </a:ext>
            </a:extLst>
          </p:cNvPr>
          <p:cNvSpPr>
            <a:spLocks noGrp="1"/>
          </p:cNvSpPr>
          <p:nvPr>
            <p:ph type="subTitle" idx="13"/>
          </p:nvPr>
        </p:nvSpPr>
        <p:spPr/>
        <p:txBody>
          <a:bodyPr/>
          <a:lstStyle/>
          <a:p>
            <a:r>
              <a:rPr lang="en-GB" err="1">
                <a:solidFill>
                  <a:srgbClr val="C00000"/>
                </a:solidFill>
              </a:rPr>
              <a:t>Aanpakken</a:t>
            </a:r>
            <a:r>
              <a:rPr lang="en-GB">
                <a:solidFill>
                  <a:srgbClr val="C00000"/>
                </a:solidFill>
              </a:rPr>
              <a:t> van </a:t>
            </a:r>
            <a:r>
              <a:rPr lang="en-GB" err="1">
                <a:solidFill>
                  <a:srgbClr val="C00000"/>
                </a:solidFill>
              </a:rPr>
              <a:t>delende</a:t>
            </a:r>
            <a:r>
              <a:rPr lang="en-GB">
                <a:solidFill>
                  <a:srgbClr val="C00000"/>
                </a:solidFill>
              </a:rPr>
              <a:t> </a:t>
            </a:r>
            <a:r>
              <a:rPr lang="en-GB" err="1">
                <a:solidFill>
                  <a:srgbClr val="C00000"/>
                </a:solidFill>
              </a:rPr>
              <a:t>cellen</a:t>
            </a:r>
            <a:endParaRPr lang="en-NL">
              <a:solidFill>
                <a:srgbClr val="C00000"/>
              </a:solidFill>
            </a:endParaRPr>
          </a:p>
        </p:txBody>
      </p:sp>
      <p:sp>
        <p:nvSpPr>
          <p:cNvPr id="4" name="Title 3">
            <a:extLst>
              <a:ext uri="{FF2B5EF4-FFF2-40B4-BE49-F238E27FC236}">
                <a16:creationId xmlns:a16="http://schemas.microsoft.com/office/drawing/2014/main" id="{0EF006AD-BC50-53E5-38B1-4175CC5F92CF}"/>
              </a:ext>
            </a:extLst>
          </p:cNvPr>
          <p:cNvSpPr>
            <a:spLocks noGrp="1"/>
          </p:cNvSpPr>
          <p:nvPr>
            <p:ph type="title"/>
          </p:nvPr>
        </p:nvSpPr>
        <p:spPr/>
        <p:txBody>
          <a:bodyPr/>
          <a:lstStyle/>
          <a:p>
            <a:r>
              <a:rPr lang="en-GB" dirty="0" err="1"/>
              <a:t>Oplossing</a:t>
            </a:r>
            <a:r>
              <a:rPr lang="en-GB" dirty="0"/>
              <a:t> 2 </a:t>
            </a:r>
            <a:endParaRPr lang="en-NL" dirty="0"/>
          </a:p>
        </p:txBody>
      </p:sp>
      <p:sp>
        <p:nvSpPr>
          <p:cNvPr id="5" name="Date Placeholder 4">
            <a:extLst>
              <a:ext uri="{FF2B5EF4-FFF2-40B4-BE49-F238E27FC236}">
                <a16:creationId xmlns:a16="http://schemas.microsoft.com/office/drawing/2014/main" id="{EBF8B872-5C05-2A10-686E-83A0CCD56E30}"/>
              </a:ext>
            </a:extLst>
          </p:cNvPr>
          <p:cNvSpPr>
            <a:spLocks noGrp="1"/>
          </p:cNvSpPr>
          <p:nvPr>
            <p:ph type="dt" sz="half" idx="14"/>
          </p:nvPr>
        </p:nvSpPr>
        <p:spPr/>
        <p:txBody>
          <a:bodyPr/>
          <a:lstStyle/>
          <a:p>
            <a:fld id="{E02C8C58-7455-42B9-A9FD-EE48EC293C11}" type="datetime1">
              <a:rPr lang="en-GB" smtClean="0"/>
              <a:t>15/03/2025</a:t>
            </a:fld>
            <a:endParaRPr lang="en-GB"/>
          </a:p>
        </p:txBody>
      </p:sp>
      <p:sp>
        <p:nvSpPr>
          <p:cNvPr id="6" name="Footer Placeholder 5">
            <a:extLst>
              <a:ext uri="{FF2B5EF4-FFF2-40B4-BE49-F238E27FC236}">
                <a16:creationId xmlns:a16="http://schemas.microsoft.com/office/drawing/2014/main" id="{4E03031C-88CA-7097-DF07-99EDC85D452F}"/>
              </a:ext>
            </a:extLst>
          </p:cNvPr>
          <p:cNvSpPr>
            <a:spLocks noGrp="1"/>
          </p:cNvSpPr>
          <p:nvPr>
            <p:ph type="ftr" sz="quarter" idx="15"/>
          </p:nvPr>
        </p:nvSpPr>
        <p:spPr/>
        <p:txBody>
          <a:bodyPr/>
          <a:lstStyle/>
          <a:p>
            <a:endParaRPr lang="en-GB"/>
          </a:p>
        </p:txBody>
      </p:sp>
      <p:sp>
        <p:nvSpPr>
          <p:cNvPr id="7" name="Slide Number Placeholder 6">
            <a:extLst>
              <a:ext uri="{FF2B5EF4-FFF2-40B4-BE49-F238E27FC236}">
                <a16:creationId xmlns:a16="http://schemas.microsoft.com/office/drawing/2014/main" id="{31E93B70-01AF-0D13-B382-DF72577625DB}"/>
              </a:ext>
            </a:extLst>
          </p:cNvPr>
          <p:cNvSpPr>
            <a:spLocks noGrp="1"/>
          </p:cNvSpPr>
          <p:nvPr>
            <p:ph type="sldNum" sz="quarter" idx="16"/>
          </p:nvPr>
        </p:nvSpPr>
        <p:spPr/>
        <p:txBody>
          <a:bodyPr/>
          <a:lstStyle/>
          <a:p>
            <a:fld id="{83D1311D-0AF4-BF42-8BF9-EAD1FE65203C}" type="slidenum">
              <a:rPr lang="en-GB" smtClean="0"/>
              <a:pPr/>
              <a:t>7</a:t>
            </a:fld>
            <a:endParaRPr lang="en-GB"/>
          </a:p>
        </p:txBody>
      </p:sp>
      <p:pic>
        <p:nvPicPr>
          <p:cNvPr id="15" name="Picture 14">
            <a:extLst>
              <a:ext uri="{FF2B5EF4-FFF2-40B4-BE49-F238E27FC236}">
                <a16:creationId xmlns:a16="http://schemas.microsoft.com/office/drawing/2014/main" id="{DC940B5B-FB23-D4AC-35F3-0E2447B60821}"/>
              </a:ext>
            </a:extLst>
          </p:cNvPr>
          <p:cNvPicPr>
            <a:picLocks noChangeAspect="1"/>
          </p:cNvPicPr>
          <p:nvPr/>
        </p:nvPicPr>
        <p:blipFill>
          <a:blip r:embed="rId3"/>
          <a:stretch>
            <a:fillRect/>
          </a:stretch>
        </p:blipFill>
        <p:spPr>
          <a:xfrm>
            <a:off x="3152712" y="1570929"/>
            <a:ext cx="5513540" cy="4626504"/>
          </a:xfrm>
          <a:prstGeom prst="rect">
            <a:avLst/>
          </a:prstGeom>
        </p:spPr>
      </p:pic>
      <p:pic>
        <p:nvPicPr>
          <p:cNvPr id="19" name="Picture 18">
            <a:extLst>
              <a:ext uri="{FF2B5EF4-FFF2-40B4-BE49-F238E27FC236}">
                <a16:creationId xmlns:a16="http://schemas.microsoft.com/office/drawing/2014/main" id="{E4160929-7D79-5679-C4EF-DF9AD95E1B04}"/>
              </a:ext>
            </a:extLst>
          </p:cNvPr>
          <p:cNvPicPr>
            <a:picLocks noChangeAspect="1"/>
          </p:cNvPicPr>
          <p:nvPr/>
        </p:nvPicPr>
        <p:blipFill>
          <a:blip r:embed="rId4"/>
          <a:stretch>
            <a:fillRect/>
          </a:stretch>
        </p:blipFill>
        <p:spPr>
          <a:xfrm>
            <a:off x="8578495" y="1570929"/>
            <a:ext cx="2524143" cy="2419368"/>
          </a:xfrm>
          <a:prstGeom prst="rect">
            <a:avLst/>
          </a:prstGeom>
        </p:spPr>
      </p:pic>
      <p:sp>
        <p:nvSpPr>
          <p:cNvPr id="3" name="Rectangle: Rounded Corners 2">
            <a:extLst>
              <a:ext uri="{FF2B5EF4-FFF2-40B4-BE49-F238E27FC236}">
                <a16:creationId xmlns:a16="http://schemas.microsoft.com/office/drawing/2014/main" id="{61ECD442-211E-3DBE-6ED6-67DB2D2E14E0}"/>
              </a:ext>
            </a:extLst>
          </p:cNvPr>
          <p:cNvSpPr/>
          <p:nvPr/>
        </p:nvSpPr>
        <p:spPr>
          <a:xfrm>
            <a:off x="881052" y="1809594"/>
            <a:ext cx="1898481" cy="1819926"/>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8" name="TextBox 7">
            <a:extLst>
              <a:ext uri="{FF2B5EF4-FFF2-40B4-BE49-F238E27FC236}">
                <a16:creationId xmlns:a16="http://schemas.microsoft.com/office/drawing/2014/main" id="{284A6A16-7524-575E-F2D2-BDFC1981D94E}"/>
              </a:ext>
            </a:extLst>
          </p:cNvPr>
          <p:cNvSpPr txBox="1"/>
          <p:nvPr/>
        </p:nvSpPr>
        <p:spPr>
          <a:xfrm>
            <a:off x="881053" y="1809594"/>
            <a:ext cx="1994136" cy="461665"/>
          </a:xfrm>
          <a:prstGeom prst="rect">
            <a:avLst/>
          </a:prstGeom>
          <a:noFill/>
        </p:spPr>
        <p:txBody>
          <a:bodyPr wrap="none" rtlCol="0">
            <a:spAutoFit/>
          </a:bodyPr>
          <a:lstStyle/>
          <a:p>
            <a:pPr algn="l"/>
            <a:r>
              <a:rPr lang="en-GB" sz="2400" b="1" i="0" err="1">
                <a:solidFill>
                  <a:schemeClr val="accent4"/>
                </a:solidFill>
                <a:ea typeface="Arial" charset="0"/>
                <a:cs typeface="Arial" charset="0"/>
              </a:rPr>
              <a:t>Radiotherapie</a:t>
            </a:r>
            <a:endParaRPr lang="en-GB" sz="2400" b="1" i="0">
              <a:solidFill>
                <a:schemeClr val="accent4"/>
              </a:solidFill>
              <a:ea typeface="Arial" charset="0"/>
              <a:cs typeface="Arial" charset="0"/>
            </a:endParaRPr>
          </a:p>
        </p:txBody>
      </p:sp>
      <p:pic>
        <p:nvPicPr>
          <p:cNvPr id="10" name="Content Placeholder 10">
            <a:extLst>
              <a:ext uri="{FF2B5EF4-FFF2-40B4-BE49-F238E27FC236}">
                <a16:creationId xmlns:a16="http://schemas.microsoft.com/office/drawing/2014/main" id="{7C57B5C8-A01C-0906-2CC5-3194FC1AC3AA}"/>
              </a:ext>
            </a:extLst>
          </p:cNvPr>
          <p:cNvPicPr>
            <a:picLocks noGrp="1" noChangeAspect="1"/>
          </p:cNvPicPr>
          <p:nvPr>
            <p:ph idx="1"/>
          </p:nvPr>
        </p:nvPicPr>
        <p:blipFill>
          <a:blip r:embed="rId5"/>
          <a:stretch>
            <a:fillRect/>
          </a:stretch>
        </p:blipFill>
        <p:spPr>
          <a:xfrm>
            <a:off x="1135117" y="2241564"/>
            <a:ext cx="1356968" cy="1259220"/>
          </a:xfrm>
        </p:spPr>
      </p:pic>
      <p:sp>
        <p:nvSpPr>
          <p:cNvPr id="11" name="Rectangle: Rounded Corners 10">
            <a:extLst>
              <a:ext uri="{FF2B5EF4-FFF2-40B4-BE49-F238E27FC236}">
                <a16:creationId xmlns:a16="http://schemas.microsoft.com/office/drawing/2014/main" id="{93EE8C19-57DF-BF75-E12E-93719109D50E}"/>
              </a:ext>
            </a:extLst>
          </p:cNvPr>
          <p:cNvSpPr/>
          <p:nvPr/>
        </p:nvSpPr>
        <p:spPr>
          <a:xfrm>
            <a:off x="778547" y="3866651"/>
            <a:ext cx="2235404" cy="1838714"/>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12" name="TextBox 11">
            <a:extLst>
              <a:ext uri="{FF2B5EF4-FFF2-40B4-BE49-F238E27FC236}">
                <a16:creationId xmlns:a16="http://schemas.microsoft.com/office/drawing/2014/main" id="{0FD6C36F-7575-3E36-530C-49E6313E7C51}"/>
              </a:ext>
            </a:extLst>
          </p:cNvPr>
          <p:cNvSpPr txBox="1"/>
          <p:nvPr/>
        </p:nvSpPr>
        <p:spPr>
          <a:xfrm>
            <a:off x="778547" y="3878400"/>
            <a:ext cx="2162451" cy="461665"/>
          </a:xfrm>
          <a:prstGeom prst="rect">
            <a:avLst/>
          </a:prstGeom>
          <a:noFill/>
        </p:spPr>
        <p:txBody>
          <a:bodyPr wrap="none" rtlCol="0">
            <a:spAutoFit/>
          </a:bodyPr>
          <a:lstStyle/>
          <a:p>
            <a:pPr algn="l"/>
            <a:r>
              <a:rPr lang="en-GB" sz="2400" b="1" i="0" err="1">
                <a:solidFill>
                  <a:schemeClr val="accent4"/>
                </a:solidFill>
                <a:ea typeface="Arial" charset="0"/>
                <a:cs typeface="Arial" charset="0"/>
              </a:rPr>
              <a:t>Chemotherapie</a:t>
            </a:r>
            <a:endParaRPr lang="en-GB" sz="2400" b="1" i="0">
              <a:solidFill>
                <a:schemeClr val="accent4"/>
              </a:solidFill>
              <a:ea typeface="Arial" charset="0"/>
              <a:cs typeface="Arial" charset="0"/>
            </a:endParaRPr>
          </a:p>
        </p:txBody>
      </p:sp>
      <p:pic>
        <p:nvPicPr>
          <p:cNvPr id="13" name="Picture 12">
            <a:extLst>
              <a:ext uri="{FF2B5EF4-FFF2-40B4-BE49-F238E27FC236}">
                <a16:creationId xmlns:a16="http://schemas.microsoft.com/office/drawing/2014/main" id="{F93A4D07-D9A4-89B0-0F91-F1473B90B3D9}"/>
              </a:ext>
            </a:extLst>
          </p:cNvPr>
          <p:cNvPicPr>
            <a:picLocks noChangeAspect="1"/>
          </p:cNvPicPr>
          <p:nvPr/>
        </p:nvPicPr>
        <p:blipFill>
          <a:blip r:embed="rId6"/>
          <a:stretch>
            <a:fillRect/>
          </a:stretch>
        </p:blipFill>
        <p:spPr>
          <a:xfrm>
            <a:off x="948309" y="4269195"/>
            <a:ext cx="1822929" cy="1272380"/>
          </a:xfrm>
          <a:prstGeom prst="rect">
            <a:avLst/>
          </a:prstGeom>
        </p:spPr>
      </p:pic>
      <p:sp>
        <p:nvSpPr>
          <p:cNvPr id="24" name="Rectangle 23">
            <a:extLst>
              <a:ext uri="{FF2B5EF4-FFF2-40B4-BE49-F238E27FC236}">
                <a16:creationId xmlns:a16="http://schemas.microsoft.com/office/drawing/2014/main" id="{E63BA6C1-8C9C-AF82-29C2-3C5B688CAF9A}"/>
              </a:ext>
            </a:extLst>
          </p:cNvPr>
          <p:cNvSpPr/>
          <p:nvPr/>
        </p:nvSpPr>
        <p:spPr>
          <a:xfrm>
            <a:off x="3268015" y="1570929"/>
            <a:ext cx="7986675" cy="4675962"/>
          </a:xfrm>
          <a:prstGeom prst="rect">
            <a:avLst/>
          </a:prstGeom>
          <a:solidFill>
            <a:schemeClr val="bg1">
              <a:alpha val="72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grpSp>
        <p:nvGrpSpPr>
          <p:cNvPr id="9" name="Group 8">
            <a:extLst>
              <a:ext uri="{FF2B5EF4-FFF2-40B4-BE49-F238E27FC236}">
                <a16:creationId xmlns:a16="http://schemas.microsoft.com/office/drawing/2014/main" id="{BF9E0CBE-B715-76BF-A8F4-2D345E984EA0}"/>
              </a:ext>
            </a:extLst>
          </p:cNvPr>
          <p:cNvGrpSpPr/>
          <p:nvPr/>
        </p:nvGrpSpPr>
        <p:grpSpPr>
          <a:xfrm>
            <a:off x="3497728" y="1949223"/>
            <a:ext cx="3783106" cy="3592352"/>
            <a:chOff x="1189318" y="1732682"/>
            <a:chExt cx="3783106" cy="3592352"/>
          </a:xfrm>
        </p:grpSpPr>
        <p:sp>
          <p:nvSpPr>
            <p:cNvPr id="14" name="Rectangle: Rounded Corners 13">
              <a:extLst>
                <a:ext uri="{FF2B5EF4-FFF2-40B4-BE49-F238E27FC236}">
                  <a16:creationId xmlns:a16="http://schemas.microsoft.com/office/drawing/2014/main" id="{4A66BA81-F6A3-A913-E665-AE74D136E8C3}"/>
                </a:ext>
              </a:extLst>
            </p:cNvPr>
            <p:cNvSpPr/>
            <p:nvPr/>
          </p:nvSpPr>
          <p:spPr>
            <a:xfrm>
              <a:off x="1189318" y="1743086"/>
              <a:ext cx="3783106" cy="358194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pic>
          <p:nvPicPr>
            <p:cNvPr id="16" name="Picture 4">
              <a:extLst>
                <a:ext uri="{FF2B5EF4-FFF2-40B4-BE49-F238E27FC236}">
                  <a16:creationId xmlns:a16="http://schemas.microsoft.com/office/drawing/2014/main" id="{8EF79585-0977-FE71-F899-2A8B0C1A21E9}"/>
                </a:ext>
              </a:extLst>
            </p:cNvPr>
            <p:cNvPicPr>
              <a:picLocks noChangeAspect="1" noChangeArrowheads="1"/>
            </p:cNvPicPr>
            <p:nvPr/>
          </p:nvPicPr>
          <p:blipFill rotWithShape="1">
            <a:blip r:embed="rId7"/>
            <a:srcRect b="25060"/>
            <a:stretch/>
          </p:blipFill>
          <p:spPr bwMode="auto">
            <a:xfrm>
              <a:off x="1364506" y="2303202"/>
              <a:ext cx="3432730" cy="2851988"/>
            </a:xfrm>
            <a:prstGeom prst="rect">
              <a:avLst/>
            </a:prstGeom>
            <a:noFill/>
            <a:ln w="9525">
              <a:noFill/>
              <a:miter lim="800000"/>
              <a:headEnd/>
              <a:tailEnd/>
            </a:ln>
            <a:effectLst/>
          </p:spPr>
        </p:pic>
        <p:sp>
          <p:nvSpPr>
            <p:cNvPr id="17" name="TextBox 16">
              <a:extLst>
                <a:ext uri="{FF2B5EF4-FFF2-40B4-BE49-F238E27FC236}">
                  <a16:creationId xmlns:a16="http://schemas.microsoft.com/office/drawing/2014/main" id="{A1F053E4-12AD-1351-A263-F9B5DB926E2F}"/>
                </a:ext>
              </a:extLst>
            </p:cNvPr>
            <p:cNvSpPr txBox="1"/>
            <p:nvPr/>
          </p:nvSpPr>
          <p:spPr>
            <a:xfrm>
              <a:off x="2070848" y="1732682"/>
              <a:ext cx="1994136" cy="461665"/>
            </a:xfrm>
            <a:prstGeom prst="rect">
              <a:avLst/>
            </a:prstGeom>
            <a:noFill/>
          </p:spPr>
          <p:txBody>
            <a:bodyPr wrap="none" rtlCol="0">
              <a:spAutoFit/>
            </a:bodyPr>
            <a:lstStyle/>
            <a:p>
              <a:pPr algn="l"/>
              <a:r>
                <a:rPr lang="en-GB" sz="2400" b="1" i="0" dirty="0" err="1">
                  <a:solidFill>
                    <a:schemeClr val="accent4"/>
                  </a:solidFill>
                  <a:ea typeface="Arial" charset="0"/>
                  <a:cs typeface="Arial" charset="0"/>
                </a:rPr>
                <a:t>Radiotherapie</a:t>
              </a:r>
              <a:endParaRPr lang="en-GB" sz="2400" b="1" i="0" dirty="0">
                <a:solidFill>
                  <a:schemeClr val="accent4"/>
                </a:solidFill>
                <a:ea typeface="Arial" charset="0"/>
                <a:cs typeface="Arial" charset="0"/>
              </a:endParaRPr>
            </a:p>
          </p:txBody>
        </p:sp>
      </p:grpSp>
      <p:grpSp>
        <p:nvGrpSpPr>
          <p:cNvPr id="18" name="Group 17">
            <a:extLst>
              <a:ext uri="{FF2B5EF4-FFF2-40B4-BE49-F238E27FC236}">
                <a16:creationId xmlns:a16="http://schemas.microsoft.com/office/drawing/2014/main" id="{4F0F667D-4628-636F-8EDF-B0C38BCF64DF}"/>
              </a:ext>
            </a:extLst>
          </p:cNvPr>
          <p:cNvGrpSpPr/>
          <p:nvPr/>
        </p:nvGrpSpPr>
        <p:grpSpPr>
          <a:xfrm>
            <a:off x="7599940" y="1949223"/>
            <a:ext cx="3783106" cy="3592352"/>
            <a:chOff x="4852894" y="1725364"/>
            <a:chExt cx="3783106" cy="3592352"/>
          </a:xfrm>
        </p:grpSpPr>
        <p:grpSp>
          <p:nvGrpSpPr>
            <p:cNvPr id="20" name="Group 19">
              <a:extLst>
                <a:ext uri="{FF2B5EF4-FFF2-40B4-BE49-F238E27FC236}">
                  <a16:creationId xmlns:a16="http://schemas.microsoft.com/office/drawing/2014/main" id="{FEF5B530-734B-47A4-ABD5-22AF4FA10CA2}"/>
                </a:ext>
              </a:extLst>
            </p:cNvPr>
            <p:cNvGrpSpPr/>
            <p:nvPr/>
          </p:nvGrpSpPr>
          <p:grpSpPr>
            <a:xfrm>
              <a:off x="4852894" y="1725364"/>
              <a:ext cx="3783106" cy="3592352"/>
              <a:chOff x="5298032" y="1732682"/>
              <a:chExt cx="3783106" cy="3592352"/>
            </a:xfrm>
          </p:grpSpPr>
          <p:sp>
            <p:nvSpPr>
              <p:cNvPr id="22" name="Rectangle: Rounded Corners 21">
                <a:extLst>
                  <a:ext uri="{FF2B5EF4-FFF2-40B4-BE49-F238E27FC236}">
                    <a16:creationId xmlns:a16="http://schemas.microsoft.com/office/drawing/2014/main" id="{ED200713-6CA1-35B3-0A6E-08278F7202C0}"/>
                  </a:ext>
                </a:extLst>
              </p:cNvPr>
              <p:cNvSpPr/>
              <p:nvPr/>
            </p:nvSpPr>
            <p:spPr>
              <a:xfrm>
                <a:off x="5298032" y="1743086"/>
                <a:ext cx="3783106" cy="3581948"/>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23" name="TextBox 22">
                <a:extLst>
                  <a:ext uri="{FF2B5EF4-FFF2-40B4-BE49-F238E27FC236}">
                    <a16:creationId xmlns:a16="http://schemas.microsoft.com/office/drawing/2014/main" id="{2236FB27-8A00-C1D1-4D91-EE4C0CD516A0}"/>
                  </a:ext>
                </a:extLst>
              </p:cNvPr>
              <p:cNvSpPr txBox="1"/>
              <p:nvPr/>
            </p:nvSpPr>
            <p:spPr>
              <a:xfrm>
                <a:off x="6206156" y="1732682"/>
                <a:ext cx="2162451" cy="461665"/>
              </a:xfrm>
              <a:prstGeom prst="rect">
                <a:avLst/>
              </a:prstGeom>
              <a:noFill/>
            </p:spPr>
            <p:txBody>
              <a:bodyPr wrap="none" rtlCol="0">
                <a:spAutoFit/>
              </a:bodyPr>
              <a:lstStyle/>
              <a:p>
                <a:pPr algn="l"/>
                <a:r>
                  <a:rPr lang="en-GB" sz="2400" b="1" i="0" err="1">
                    <a:solidFill>
                      <a:schemeClr val="accent4"/>
                    </a:solidFill>
                    <a:ea typeface="Arial" charset="0"/>
                    <a:cs typeface="Arial" charset="0"/>
                  </a:rPr>
                  <a:t>Chemotherapie</a:t>
                </a:r>
                <a:endParaRPr lang="en-GB" sz="2400" b="1" i="0">
                  <a:solidFill>
                    <a:schemeClr val="accent4"/>
                  </a:solidFill>
                  <a:ea typeface="Arial" charset="0"/>
                  <a:cs typeface="Arial" charset="0"/>
                </a:endParaRPr>
              </a:p>
            </p:txBody>
          </p:sp>
        </p:grpSp>
        <p:pic>
          <p:nvPicPr>
            <p:cNvPr id="21" name="Picture 20">
              <a:extLst>
                <a:ext uri="{FF2B5EF4-FFF2-40B4-BE49-F238E27FC236}">
                  <a16:creationId xmlns:a16="http://schemas.microsoft.com/office/drawing/2014/main" id="{B31393C1-C821-337D-BB50-351A1B3075D8}"/>
                </a:ext>
              </a:extLst>
            </p:cNvPr>
            <p:cNvPicPr>
              <a:picLocks noChangeAspect="1"/>
            </p:cNvPicPr>
            <p:nvPr/>
          </p:nvPicPr>
          <p:blipFill>
            <a:blip r:embed="rId8"/>
            <a:stretch>
              <a:fillRect/>
            </a:stretch>
          </p:blipFill>
          <p:spPr>
            <a:xfrm>
              <a:off x="4988307" y="2388594"/>
              <a:ext cx="3519337" cy="2771798"/>
            </a:xfrm>
            <a:prstGeom prst="rect">
              <a:avLst/>
            </a:prstGeom>
          </p:spPr>
        </p:pic>
      </p:grpSp>
    </p:spTree>
    <p:extLst>
      <p:ext uri="{BB962C8B-B14F-4D97-AF65-F5344CB8AC3E}">
        <p14:creationId xmlns:p14="http://schemas.microsoft.com/office/powerpoint/2010/main" val="65864793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500"/>
                                        <p:tgtEl>
                                          <p:spTgt spid="8"/>
                                        </p:tgtEl>
                                      </p:cBhvr>
                                    </p:animEffect>
                                  </p:childTnLst>
                                </p:cTn>
                              </p:par>
                              <p:par>
                                <p:cTn id="8" presetID="10" presetClass="entr" presetSubtype="0" fill="hold" nodeType="withEffect">
                                  <p:stCondLst>
                                    <p:cond delay="0"/>
                                  </p:stCondLst>
                                  <p:childTnLst>
                                    <p:set>
                                      <p:cBhvr>
                                        <p:cTn id="9" dur="1" fill="hold">
                                          <p:stCondLst>
                                            <p:cond delay="0"/>
                                          </p:stCondLst>
                                        </p:cTn>
                                        <p:tgtEl>
                                          <p:spTgt spid="10"/>
                                        </p:tgtEl>
                                        <p:attrNameLst>
                                          <p:attrName>style.visibility</p:attrName>
                                        </p:attrNameLst>
                                      </p:cBhvr>
                                      <p:to>
                                        <p:strVal val="visible"/>
                                      </p:to>
                                    </p:set>
                                    <p:animEffect transition="in" filter="fade">
                                      <p:cBhvr>
                                        <p:cTn id="10" dur="500"/>
                                        <p:tgtEl>
                                          <p:spTgt spid="10"/>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3"/>
                                        </p:tgtEl>
                                        <p:attrNameLst>
                                          <p:attrName>style.visibility</p:attrName>
                                        </p:attrNameLst>
                                      </p:cBhvr>
                                      <p:to>
                                        <p:strVal val="visible"/>
                                      </p:to>
                                    </p:set>
                                    <p:animEffect transition="in" filter="fade">
                                      <p:cBhvr>
                                        <p:cTn id="13" dur="500"/>
                                        <p:tgtEl>
                                          <p:spTgt spid="3"/>
                                        </p:tgtEl>
                                      </p:cBhvr>
                                    </p:animEffect>
                                  </p:childTnLst>
                                </p:cTn>
                              </p:par>
                            </p:childTnLst>
                          </p:cTn>
                        </p:par>
                        <p:par>
                          <p:cTn id="14" fill="hold">
                            <p:stCondLst>
                              <p:cond delay="500"/>
                            </p:stCondLst>
                            <p:childTnLst>
                              <p:par>
                                <p:cTn id="15" presetID="10" presetClass="entr" presetSubtype="0" fill="hold" nodeType="afterEffect">
                                  <p:stCondLst>
                                    <p:cond delay="0"/>
                                  </p:stCondLst>
                                  <p:childTnLst>
                                    <p:set>
                                      <p:cBhvr>
                                        <p:cTn id="16" dur="1" fill="hold">
                                          <p:stCondLst>
                                            <p:cond delay="0"/>
                                          </p:stCondLst>
                                        </p:cTn>
                                        <p:tgtEl>
                                          <p:spTgt spid="13"/>
                                        </p:tgtEl>
                                        <p:attrNameLst>
                                          <p:attrName>style.visibility</p:attrName>
                                        </p:attrNameLst>
                                      </p:cBhvr>
                                      <p:to>
                                        <p:strVal val="visible"/>
                                      </p:to>
                                    </p:set>
                                    <p:animEffect transition="in" filter="fade">
                                      <p:cBhvr>
                                        <p:cTn id="17" dur="500"/>
                                        <p:tgtEl>
                                          <p:spTgt spid="13"/>
                                        </p:tgtEl>
                                      </p:cBhvr>
                                    </p:animEffect>
                                  </p:childTnLst>
                                </p:cTn>
                              </p:par>
                              <p:par>
                                <p:cTn id="18" presetID="10" presetClass="entr" presetSubtype="0" fill="hold" grpId="0" nodeType="withEffect">
                                  <p:stCondLst>
                                    <p:cond delay="0"/>
                                  </p:stCondLst>
                                  <p:childTnLst>
                                    <p:set>
                                      <p:cBhvr>
                                        <p:cTn id="19" dur="1" fill="hold">
                                          <p:stCondLst>
                                            <p:cond delay="0"/>
                                          </p:stCondLst>
                                        </p:cTn>
                                        <p:tgtEl>
                                          <p:spTgt spid="12"/>
                                        </p:tgtEl>
                                        <p:attrNameLst>
                                          <p:attrName>style.visibility</p:attrName>
                                        </p:attrNameLst>
                                      </p:cBhvr>
                                      <p:to>
                                        <p:strVal val="visible"/>
                                      </p:to>
                                    </p:set>
                                    <p:animEffect transition="in" filter="fade">
                                      <p:cBhvr>
                                        <p:cTn id="20" dur="500"/>
                                        <p:tgtEl>
                                          <p:spTgt spid="12"/>
                                        </p:tgtEl>
                                      </p:cBhvr>
                                    </p:animEffect>
                                  </p:childTnLst>
                                </p:cTn>
                              </p:par>
                              <p:par>
                                <p:cTn id="21" presetID="10" presetClass="entr" presetSubtype="0" fill="hold" grpId="0" nodeType="withEffect">
                                  <p:stCondLst>
                                    <p:cond delay="0"/>
                                  </p:stCondLst>
                                  <p:childTnLst>
                                    <p:set>
                                      <p:cBhvr>
                                        <p:cTn id="22" dur="1" fill="hold">
                                          <p:stCondLst>
                                            <p:cond delay="0"/>
                                          </p:stCondLst>
                                        </p:cTn>
                                        <p:tgtEl>
                                          <p:spTgt spid="11"/>
                                        </p:tgtEl>
                                        <p:attrNameLst>
                                          <p:attrName>style.visibility</p:attrName>
                                        </p:attrNameLst>
                                      </p:cBhvr>
                                      <p:to>
                                        <p:strVal val="visible"/>
                                      </p:to>
                                    </p:set>
                                    <p:animEffect transition="in" filter="fade">
                                      <p:cBhvr>
                                        <p:cTn id="23" dur="500"/>
                                        <p:tgtEl>
                                          <p:spTgt spid="11"/>
                                        </p:tgtEl>
                                      </p:cBhvr>
                                    </p:animEffect>
                                  </p:childTnLst>
                                </p:cTn>
                              </p:par>
                            </p:childTnLst>
                          </p:cTn>
                        </p:par>
                      </p:childTnLst>
                    </p:cTn>
                  </p:par>
                  <p:par>
                    <p:cTn id="24" fill="hold">
                      <p:stCondLst>
                        <p:cond delay="indefinite"/>
                      </p:stCondLst>
                      <p:childTnLst>
                        <p:par>
                          <p:cTn id="25" fill="hold">
                            <p:stCondLst>
                              <p:cond delay="0"/>
                            </p:stCondLst>
                            <p:childTnLst>
                              <p:par>
                                <p:cTn id="26" presetID="10" presetClass="entr" presetSubtype="0" fill="hold" grpId="0" nodeType="clickEffect">
                                  <p:stCondLst>
                                    <p:cond delay="0"/>
                                  </p:stCondLst>
                                  <p:childTnLst>
                                    <p:set>
                                      <p:cBhvr>
                                        <p:cTn id="27" dur="1" fill="hold">
                                          <p:stCondLst>
                                            <p:cond delay="0"/>
                                          </p:stCondLst>
                                        </p:cTn>
                                        <p:tgtEl>
                                          <p:spTgt spid="24"/>
                                        </p:tgtEl>
                                        <p:attrNameLst>
                                          <p:attrName>style.visibility</p:attrName>
                                        </p:attrNameLst>
                                      </p:cBhvr>
                                      <p:to>
                                        <p:strVal val="visible"/>
                                      </p:to>
                                    </p:set>
                                    <p:animEffect transition="in" filter="fade">
                                      <p:cBhvr>
                                        <p:cTn id="28" dur="500"/>
                                        <p:tgtEl>
                                          <p:spTgt spid="24"/>
                                        </p:tgtEl>
                                      </p:cBhvr>
                                    </p:animEffect>
                                  </p:childTnLst>
                                </p:cTn>
                              </p:par>
                            </p:childTnLst>
                          </p:cTn>
                        </p:par>
                        <p:par>
                          <p:cTn id="29" fill="hold">
                            <p:stCondLst>
                              <p:cond delay="500"/>
                            </p:stCondLst>
                            <p:childTnLst>
                              <p:par>
                                <p:cTn id="30" presetID="10" presetClass="entr" presetSubtype="0" fill="hold" nodeType="afterEffect">
                                  <p:stCondLst>
                                    <p:cond delay="0"/>
                                  </p:stCondLst>
                                  <p:childTnLst>
                                    <p:set>
                                      <p:cBhvr>
                                        <p:cTn id="31" dur="1" fill="hold">
                                          <p:stCondLst>
                                            <p:cond delay="0"/>
                                          </p:stCondLst>
                                        </p:cTn>
                                        <p:tgtEl>
                                          <p:spTgt spid="9"/>
                                        </p:tgtEl>
                                        <p:attrNameLst>
                                          <p:attrName>style.visibility</p:attrName>
                                        </p:attrNameLst>
                                      </p:cBhvr>
                                      <p:to>
                                        <p:strVal val="visible"/>
                                      </p:to>
                                    </p:set>
                                    <p:animEffect transition="in" filter="fade">
                                      <p:cBhvr>
                                        <p:cTn id="32" dur="500"/>
                                        <p:tgtEl>
                                          <p:spTgt spid="9"/>
                                        </p:tgtEl>
                                      </p:cBhvr>
                                    </p:animEffect>
                                  </p:childTnLst>
                                </p:cTn>
                              </p:par>
                            </p:childTnLst>
                          </p:cTn>
                        </p:par>
                        <p:par>
                          <p:cTn id="33" fill="hold">
                            <p:stCondLst>
                              <p:cond delay="1000"/>
                            </p:stCondLst>
                            <p:childTnLst>
                              <p:par>
                                <p:cTn id="34" presetID="10" presetClass="entr" presetSubtype="0" fill="hold" nodeType="afterEffect">
                                  <p:stCondLst>
                                    <p:cond delay="0"/>
                                  </p:stCondLst>
                                  <p:childTnLst>
                                    <p:set>
                                      <p:cBhvr>
                                        <p:cTn id="35" dur="1" fill="hold">
                                          <p:stCondLst>
                                            <p:cond delay="0"/>
                                          </p:stCondLst>
                                        </p:cTn>
                                        <p:tgtEl>
                                          <p:spTgt spid="18"/>
                                        </p:tgtEl>
                                        <p:attrNameLst>
                                          <p:attrName>style.visibility</p:attrName>
                                        </p:attrNameLst>
                                      </p:cBhvr>
                                      <p:to>
                                        <p:strVal val="visible"/>
                                      </p:to>
                                    </p:set>
                                    <p:animEffect transition="in" filter="fade">
                                      <p:cBhvr>
                                        <p:cTn id="36" dur="500"/>
                                        <p:tgtEl>
                                          <p:spTgt spid="1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animBg="1"/>
      <p:bldP spid="8" grpId="0"/>
      <p:bldP spid="11" grpId="0" animBg="1"/>
      <p:bldP spid="12" grpId="0"/>
      <p:bldP spid="24" grpId="0" animBg="1"/>
    </p:bld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3B56AE-A457-F5B5-5A62-117EAE0A3C0A}"/>
            </a:ext>
          </a:extLst>
        </p:cNvPr>
        <p:cNvGrpSpPr/>
        <p:nvPr/>
      </p:nvGrpSpPr>
      <p:grpSpPr>
        <a:xfrm>
          <a:off x="0" y="0"/>
          <a:ext cx="0" cy="0"/>
          <a:chOff x="0" y="0"/>
          <a:chExt cx="0" cy="0"/>
        </a:xfrm>
      </p:grpSpPr>
      <p:sp>
        <p:nvSpPr>
          <p:cNvPr id="2" name="Subtitle 1">
            <a:extLst>
              <a:ext uri="{FF2B5EF4-FFF2-40B4-BE49-F238E27FC236}">
                <a16:creationId xmlns:a16="http://schemas.microsoft.com/office/drawing/2014/main" id="{2B487ABF-55D9-AFBF-05D7-C90ECE6E527D}"/>
              </a:ext>
            </a:extLst>
          </p:cNvPr>
          <p:cNvSpPr>
            <a:spLocks noGrp="1"/>
          </p:cNvSpPr>
          <p:nvPr>
            <p:ph type="subTitle" idx="13"/>
          </p:nvPr>
        </p:nvSpPr>
        <p:spPr/>
        <p:txBody>
          <a:bodyPr/>
          <a:lstStyle/>
          <a:p>
            <a:r>
              <a:rPr lang="en-GB" dirty="0" err="1">
                <a:solidFill>
                  <a:srgbClr val="C00000"/>
                </a:solidFill>
              </a:rPr>
              <a:t>Weghalen</a:t>
            </a:r>
            <a:r>
              <a:rPr lang="en-GB" dirty="0">
                <a:solidFill>
                  <a:srgbClr val="C00000"/>
                </a:solidFill>
              </a:rPr>
              <a:t> van de </a:t>
            </a:r>
            <a:r>
              <a:rPr lang="en-GB" dirty="0" err="1">
                <a:solidFill>
                  <a:srgbClr val="C00000"/>
                </a:solidFill>
              </a:rPr>
              <a:t>bloedvoorziening</a:t>
            </a:r>
            <a:endParaRPr lang="en-NL" dirty="0">
              <a:solidFill>
                <a:srgbClr val="C00000"/>
              </a:solidFill>
            </a:endParaRPr>
          </a:p>
        </p:txBody>
      </p:sp>
      <p:sp>
        <p:nvSpPr>
          <p:cNvPr id="4" name="Title 3">
            <a:extLst>
              <a:ext uri="{FF2B5EF4-FFF2-40B4-BE49-F238E27FC236}">
                <a16:creationId xmlns:a16="http://schemas.microsoft.com/office/drawing/2014/main" id="{C285D0E0-F381-9DE8-F7DC-2173328814BD}"/>
              </a:ext>
            </a:extLst>
          </p:cNvPr>
          <p:cNvSpPr>
            <a:spLocks noGrp="1"/>
          </p:cNvSpPr>
          <p:nvPr>
            <p:ph type="title"/>
          </p:nvPr>
        </p:nvSpPr>
        <p:spPr/>
        <p:txBody>
          <a:bodyPr/>
          <a:lstStyle/>
          <a:p>
            <a:r>
              <a:rPr lang="en-GB" dirty="0" err="1"/>
              <a:t>Mogelijke</a:t>
            </a:r>
            <a:r>
              <a:rPr lang="en-GB" dirty="0"/>
              <a:t> </a:t>
            </a:r>
            <a:r>
              <a:rPr lang="en-GB" dirty="0" err="1"/>
              <a:t>Oplossing</a:t>
            </a:r>
            <a:r>
              <a:rPr lang="en-GB" dirty="0"/>
              <a:t> 3</a:t>
            </a:r>
            <a:endParaRPr lang="en-NL" dirty="0"/>
          </a:p>
        </p:txBody>
      </p:sp>
      <p:sp>
        <p:nvSpPr>
          <p:cNvPr id="5" name="Date Placeholder 4">
            <a:extLst>
              <a:ext uri="{FF2B5EF4-FFF2-40B4-BE49-F238E27FC236}">
                <a16:creationId xmlns:a16="http://schemas.microsoft.com/office/drawing/2014/main" id="{1FE1CF7A-1DC4-4519-EE41-A0666407A675}"/>
              </a:ext>
            </a:extLst>
          </p:cNvPr>
          <p:cNvSpPr>
            <a:spLocks noGrp="1"/>
          </p:cNvSpPr>
          <p:nvPr>
            <p:ph type="dt" sz="half" idx="14"/>
          </p:nvPr>
        </p:nvSpPr>
        <p:spPr/>
        <p:txBody>
          <a:bodyPr/>
          <a:lstStyle/>
          <a:p>
            <a:fld id="{E02C8C58-7455-42B9-A9FD-EE48EC293C11}" type="datetime1">
              <a:rPr lang="en-GB" smtClean="0"/>
              <a:t>15/03/2025</a:t>
            </a:fld>
            <a:endParaRPr lang="en-GB"/>
          </a:p>
        </p:txBody>
      </p:sp>
      <p:sp>
        <p:nvSpPr>
          <p:cNvPr id="6" name="Footer Placeholder 5">
            <a:extLst>
              <a:ext uri="{FF2B5EF4-FFF2-40B4-BE49-F238E27FC236}">
                <a16:creationId xmlns:a16="http://schemas.microsoft.com/office/drawing/2014/main" id="{EEDE225E-6F31-51B7-9A7E-017E079B2713}"/>
              </a:ext>
            </a:extLst>
          </p:cNvPr>
          <p:cNvSpPr>
            <a:spLocks noGrp="1"/>
          </p:cNvSpPr>
          <p:nvPr>
            <p:ph type="ftr" sz="quarter" idx="15"/>
          </p:nvPr>
        </p:nvSpPr>
        <p:spPr/>
        <p:txBody>
          <a:bodyPr/>
          <a:lstStyle/>
          <a:p>
            <a:endParaRPr lang="en-GB"/>
          </a:p>
        </p:txBody>
      </p:sp>
      <p:sp>
        <p:nvSpPr>
          <p:cNvPr id="7" name="Slide Number Placeholder 6">
            <a:extLst>
              <a:ext uri="{FF2B5EF4-FFF2-40B4-BE49-F238E27FC236}">
                <a16:creationId xmlns:a16="http://schemas.microsoft.com/office/drawing/2014/main" id="{856A6094-2BF6-6A9B-63C5-BCDE9D757E1C}"/>
              </a:ext>
            </a:extLst>
          </p:cNvPr>
          <p:cNvSpPr>
            <a:spLocks noGrp="1"/>
          </p:cNvSpPr>
          <p:nvPr>
            <p:ph type="sldNum" sz="quarter" idx="16"/>
          </p:nvPr>
        </p:nvSpPr>
        <p:spPr/>
        <p:txBody>
          <a:bodyPr/>
          <a:lstStyle/>
          <a:p>
            <a:fld id="{83D1311D-0AF4-BF42-8BF9-EAD1FE65203C}" type="slidenum">
              <a:rPr lang="en-GB" smtClean="0"/>
              <a:pPr/>
              <a:t>8</a:t>
            </a:fld>
            <a:endParaRPr lang="en-GB"/>
          </a:p>
        </p:txBody>
      </p:sp>
      <p:pic>
        <p:nvPicPr>
          <p:cNvPr id="15" name="Picture 14">
            <a:extLst>
              <a:ext uri="{FF2B5EF4-FFF2-40B4-BE49-F238E27FC236}">
                <a16:creationId xmlns:a16="http://schemas.microsoft.com/office/drawing/2014/main" id="{94B24D27-BF89-5F95-FAB4-B35327ED572A}"/>
              </a:ext>
            </a:extLst>
          </p:cNvPr>
          <p:cNvPicPr>
            <a:picLocks noChangeAspect="1"/>
          </p:cNvPicPr>
          <p:nvPr/>
        </p:nvPicPr>
        <p:blipFill>
          <a:blip r:embed="rId3"/>
          <a:stretch>
            <a:fillRect/>
          </a:stretch>
        </p:blipFill>
        <p:spPr>
          <a:xfrm>
            <a:off x="3152712" y="1570929"/>
            <a:ext cx="5513540" cy="4626504"/>
          </a:xfrm>
          <a:prstGeom prst="rect">
            <a:avLst/>
          </a:prstGeom>
        </p:spPr>
      </p:pic>
      <p:pic>
        <p:nvPicPr>
          <p:cNvPr id="19" name="Picture 18">
            <a:extLst>
              <a:ext uri="{FF2B5EF4-FFF2-40B4-BE49-F238E27FC236}">
                <a16:creationId xmlns:a16="http://schemas.microsoft.com/office/drawing/2014/main" id="{A84338CF-E7E8-02D6-D22C-69D32B04FCC8}"/>
              </a:ext>
            </a:extLst>
          </p:cNvPr>
          <p:cNvPicPr>
            <a:picLocks noChangeAspect="1"/>
          </p:cNvPicPr>
          <p:nvPr/>
        </p:nvPicPr>
        <p:blipFill>
          <a:blip r:embed="rId4"/>
          <a:stretch>
            <a:fillRect/>
          </a:stretch>
        </p:blipFill>
        <p:spPr>
          <a:xfrm>
            <a:off x="8578495" y="1570929"/>
            <a:ext cx="2524143" cy="2419368"/>
          </a:xfrm>
          <a:prstGeom prst="rect">
            <a:avLst/>
          </a:prstGeom>
        </p:spPr>
      </p:pic>
      <p:sp>
        <p:nvSpPr>
          <p:cNvPr id="9" name="Multiplication Sign 8">
            <a:extLst>
              <a:ext uri="{FF2B5EF4-FFF2-40B4-BE49-F238E27FC236}">
                <a16:creationId xmlns:a16="http://schemas.microsoft.com/office/drawing/2014/main" id="{29DBC419-9A69-A790-F350-4BFDE160A52B}"/>
              </a:ext>
            </a:extLst>
          </p:cNvPr>
          <p:cNvSpPr/>
          <p:nvPr/>
        </p:nvSpPr>
        <p:spPr>
          <a:xfrm>
            <a:off x="8493994" y="3344983"/>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 name="Multiplication Sign 9">
            <a:extLst>
              <a:ext uri="{FF2B5EF4-FFF2-40B4-BE49-F238E27FC236}">
                <a16:creationId xmlns:a16="http://schemas.microsoft.com/office/drawing/2014/main" id="{0DDE0BE1-861F-3911-5AA4-B34A599DB20E}"/>
              </a:ext>
            </a:extLst>
          </p:cNvPr>
          <p:cNvSpPr/>
          <p:nvPr/>
        </p:nvSpPr>
        <p:spPr>
          <a:xfrm>
            <a:off x="9834940" y="3615231"/>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Multiplication Sign 10">
            <a:extLst>
              <a:ext uri="{FF2B5EF4-FFF2-40B4-BE49-F238E27FC236}">
                <a16:creationId xmlns:a16="http://schemas.microsoft.com/office/drawing/2014/main" id="{0EE9A19E-D093-2DC7-F025-FCE1882F0DF6}"/>
              </a:ext>
            </a:extLst>
          </p:cNvPr>
          <p:cNvSpPr/>
          <p:nvPr/>
        </p:nvSpPr>
        <p:spPr>
          <a:xfrm>
            <a:off x="10841036" y="2657475"/>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2" name="Multiplication Sign 11">
            <a:extLst>
              <a:ext uri="{FF2B5EF4-FFF2-40B4-BE49-F238E27FC236}">
                <a16:creationId xmlns:a16="http://schemas.microsoft.com/office/drawing/2014/main" id="{9307DC6B-186F-6742-9D78-C014E205A453}"/>
              </a:ext>
            </a:extLst>
          </p:cNvPr>
          <p:cNvSpPr/>
          <p:nvPr/>
        </p:nvSpPr>
        <p:spPr>
          <a:xfrm>
            <a:off x="10697046" y="1857295"/>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3" name="Multiplication Sign 12">
            <a:extLst>
              <a:ext uri="{FF2B5EF4-FFF2-40B4-BE49-F238E27FC236}">
                <a16:creationId xmlns:a16="http://schemas.microsoft.com/office/drawing/2014/main" id="{303447FC-9D7B-FE79-584E-1058EF4FB86E}"/>
              </a:ext>
            </a:extLst>
          </p:cNvPr>
          <p:cNvSpPr/>
          <p:nvPr/>
        </p:nvSpPr>
        <p:spPr>
          <a:xfrm>
            <a:off x="8666252" y="1570929"/>
            <a:ext cx="490093" cy="502722"/>
          </a:xfrm>
          <a:prstGeom prst="mathMultiply">
            <a:avLst>
              <a:gd name="adj1" fmla="val 6520"/>
            </a:avLst>
          </a:prstGeom>
          <a:solidFill>
            <a:srgbClr val="FF0000"/>
          </a:solidFill>
          <a:ln>
            <a:solidFill>
              <a:srgbClr val="FF0000"/>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0" name="Rectangle 19">
            <a:extLst>
              <a:ext uri="{FF2B5EF4-FFF2-40B4-BE49-F238E27FC236}">
                <a16:creationId xmlns:a16="http://schemas.microsoft.com/office/drawing/2014/main" id="{0D852807-21FC-F30D-3A79-3D87FC2C5296}"/>
              </a:ext>
            </a:extLst>
          </p:cNvPr>
          <p:cNvSpPr/>
          <p:nvPr/>
        </p:nvSpPr>
        <p:spPr>
          <a:xfrm>
            <a:off x="3035655" y="1570929"/>
            <a:ext cx="5365274" cy="4675962"/>
          </a:xfrm>
          <a:prstGeom prst="rect">
            <a:avLst/>
          </a:prstGeom>
          <a:solidFill>
            <a:schemeClr val="bg1">
              <a:alpha val="72000"/>
            </a:schemeClr>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a:p>
        </p:txBody>
      </p:sp>
      <p:grpSp>
        <p:nvGrpSpPr>
          <p:cNvPr id="14" name="Group 13">
            <a:extLst>
              <a:ext uri="{FF2B5EF4-FFF2-40B4-BE49-F238E27FC236}">
                <a16:creationId xmlns:a16="http://schemas.microsoft.com/office/drawing/2014/main" id="{047BAC6C-A566-E321-2446-A08FE83A9205}"/>
              </a:ext>
            </a:extLst>
          </p:cNvPr>
          <p:cNvGrpSpPr/>
          <p:nvPr/>
        </p:nvGrpSpPr>
        <p:grpSpPr>
          <a:xfrm>
            <a:off x="1866967" y="2023249"/>
            <a:ext cx="5319845" cy="3758023"/>
            <a:chOff x="3993590" y="2119003"/>
            <a:chExt cx="4546786" cy="3366852"/>
          </a:xfrm>
        </p:grpSpPr>
        <p:sp>
          <p:nvSpPr>
            <p:cNvPr id="16" name="Rectangle: Rounded Corners 15">
              <a:extLst>
                <a:ext uri="{FF2B5EF4-FFF2-40B4-BE49-F238E27FC236}">
                  <a16:creationId xmlns:a16="http://schemas.microsoft.com/office/drawing/2014/main" id="{E2B4F2C3-3F66-3901-3EFD-D351473B6148}"/>
                </a:ext>
              </a:extLst>
            </p:cNvPr>
            <p:cNvSpPr/>
            <p:nvPr/>
          </p:nvSpPr>
          <p:spPr>
            <a:xfrm>
              <a:off x="3993590" y="2119003"/>
              <a:ext cx="4546786" cy="3366852"/>
            </a:xfrm>
            <a:prstGeom prst="roundRect">
              <a:avLst>
                <a:gd name="adj" fmla="val 5822"/>
              </a:avLst>
            </a:prstGeom>
            <a:solidFill>
              <a:schemeClr val="bg1">
                <a:lumMod val="95000"/>
              </a:schemeClr>
            </a:solidFill>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pic>
          <p:nvPicPr>
            <p:cNvPr id="17" name="Picture 16">
              <a:extLst>
                <a:ext uri="{FF2B5EF4-FFF2-40B4-BE49-F238E27FC236}">
                  <a16:creationId xmlns:a16="http://schemas.microsoft.com/office/drawing/2014/main" id="{6191840B-5B97-DBC4-B511-6D60667F7448}"/>
                </a:ext>
              </a:extLst>
            </p:cNvPr>
            <p:cNvPicPr>
              <a:picLocks noChangeAspect="1"/>
            </p:cNvPicPr>
            <p:nvPr/>
          </p:nvPicPr>
          <p:blipFill>
            <a:blip r:embed="rId5"/>
            <a:stretch>
              <a:fillRect/>
            </a:stretch>
          </p:blipFill>
          <p:spPr>
            <a:xfrm>
              <a:off x="4146728" y="2624979"/>
              <a:ext cx="4216082" cy="2522593"/>
            </a:xfrm>
            <a:prstGeom prst="rect">
              <a:avLst/>
            </a:prstGeom>
          </p:spPr>
        </p:pic>
        <p:sp>
          <p:nvSpPr>
            <p:cNvPr id="18" name="TextBox 17">
              <a:extLst>
                <a:ext uri="{FF2B5EF4-FFF2-40B4-BE49-F238E27FC236}">
                  <a16:creationId xmlns:a16="http://schemas.microsoft.com/office/drawing/2014/main" id="{3A4F7592-15C4-E51C-FAC0-3E31D7F4C222}"/>
                </a:ext>
              </a:extLst>
            </p:cNvPr>
            <p:cNvSpPr txBox="1"/>
            <p:nvPr/>
          </p:nvSpPr>
          <p:spPr>
            <a:xfrm>
              <a:off x="5455827" y="2119003"/>
              <a:ext cx="1659813" cy="461665"/>
            </a:xfrm>
            <a:prstGeom prst="rect">
              <a:avLst/>
            </a:prstGeom>
            <a:noFill/>
          </p:spPr>
          <p:txBody>
            <a:bodyPr wrap="none" rtlCol="0">
              <a:spAutoFit/>
            </a:bodyPr>
            <a:lstStyle/>
            <a:p>
              <a:pPr algn="l"/>
              <a:r>
                <a:rPr lang="en-GB" sz="2400" b="1" i="0" dirty="0" err="1">
                  <a:solidFill>
                    <a:schemeClr val="accent4"/>
                  </a:solidFill>
                  <a:ea typeface="Arial" charset="0"/>
                  <a:cs typeface="Arial" charset="0"/>
                </a:rPr>
                <a:t>Geen</a:t>
              </a:r>
              <a:r>
                <a:rPr lang="en-GB" sz="2400" b="1" i="0" dirty="0">
                  <a:solidFill>
                    <a:schemeClr val="accent4"/>
                  </a:solidFill>
                  <a:ea typeface="Arial" charset="0"/>
                  <a:cs typeface="Arial" charset="0"/>
                </a:rPr>
                <a:t> effect</a:t>
              </a:r>
            </a:p>
          </p:txBody>
        </p:sp>
      </p:grpSp>
    </p:spTree>
    <p:extLst>
      <p:ext uri="{BB962C8B-B14F-4D97-AF65-F5344CB8AC3E}">
        <p14:creationId xmlns:p14="http://schemas.microsoft.com/office/powerpoint/2010/main" val="92250817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13"/>
                                        </p:tgtEl>
                                        <p:attrNameLst>
                                          <p:attrName>style.visibility</p:attrName>
                                        </p:attrNameLst>
                                      </p:cBhvr>
                                      <p:to>
                                        <p:strVal val="visible"/>
                                      </p:to>
                                    </p:set>
                                    <p:animEffect transition="in" filter="fade">
                                      <p:cBhvr>
                                        <p:cTn id="7" dur="500"/>
                                        <p:tgtEl>
                                          <p:spTgt spid="13"/>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9"/>
                                        </p:tgtEl>
                                        <p:attrNameLst>
                                          <p:attrName>style.visibility</p:attrName>
                                        </p:attrNameLst>
                                      </p:cBhvr>
                                      <p:to>
                                        <p:strVal val="visible"/>
                                      </p:to>
                                    </p:set>
                                    <p:animEffect transition="in" filter="fade">
                                      <p:cBhvr>
                                        <p:cTn id="10" dur="500"/>
                                        <p:tgtEl>
                                          <p:spTgt spid="9"/>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10"/>
                                        </p:tgtEl>
                                        <p:attrNameLst>
                                          <p:attrName>style.visibility</p:attrName>
                                        </p:attrNameLst>
                                      </p:cBhvr>
                                      <p:to>
                                        <p:strVal val="visible"/>
                                      </p:to>
                                    </p:set>
                                    <p:animEffect transition="in" filter="fade">
                                      <p:cBhvr>
                                        <p:cTn id="13" dur="500"/>
                                        <p:tgtEl>
                                          <p:spTgt spid="10"/>
                                        </p:tgtEl>
                                      </p:cBhvr>
                                    </p:animEffect>
                                  </p:childTnLst>
                                </p:cTn>
                              </p:par>
                              <p:par>
                                <p:cTn id="14" presetID="10" presetClass="entr" presetSubtype="0" fill="hold" grpId="0" nodeType="withEffect">
                                  <p:stCondLst>
                                    <p:cond delay="0"/>
                                  </p:stCondLst>
                                  <p:childTnLst>
                                    <p:set>
                                      <p:cBhvr>
                                        <p:cTn id="15" dur="1" fill="hold">
                                          <p:stCondLst>
                                            <p:cond delay="0"/>
                                          </p:stCondLst>
                                        </p:cTn>
                                        <p:tgtEl>
                                          <p:spTgt spid="11"/>
                                        </p:tgtEl>
                                        <p:attrNameLst>
                                          <p:attrName>style.visibility</p:attrName>
                                        </p:attrNameLst>
                                      </p:cBhvr>
                                      <p:to>
                                        <p:strVal val="visible"/>
                                      </p:to>
                                    </p:set>
                                    <p:animEffect transition="in" filter="fade">
                                      <p:cBhvr>
                                        <p:cTn id="16" dur="500"/>
                                        <p:tgtEl>
                                          <p:spTgt spid="11"/>
                                        </p:tgtEl>
                                      </p:cBhvr>
                                    </p:animEffect>
                                  </p:childTnLst>
                                </p:cTn>
                              </p:par>
                              <p:par>
                                <p:cTn id="17" presetID="10" presetClass="entr" presetSubtype="0" fill="hold" grpId="0" nodeType="withEffect">
                                  <p:stCondLst>
                                    <p:cond delay="0"/>
                                  </p:stCondLst>
                                  <p:childTnLst>
                                    <p:set>
                                      <p:cBhvr>
                                        <p:cTn id="18" dur="1" fill="hold">
                                          <p:stCondLst>
                                            <p:cond delay="0"/>
                                          </p:stCondLst>
                                        </p:cTn>
                                        <p:tgtEl>
                                          <p:spTgt spid="12"/>
                                        </p:tgtEl>
                                        <p:attrNameLst>
                                          <p:attrName>style.visibility</p:attrName>
                                        </p:attrNameLst>
                                      </p:cBhvr>
                                      <p:to>
                                        <p:strVal val="visible"/>
                                      </p:to>
                                    </p:set>
                                    <p:animEffect transition="in" filter="fade">
                                      <p:cBhvr>
                                        <p:cTn id="19" dur="500"/>
                                        <p:tgtEl>
                                          <p:spTgt spid="12"/>
                                        </p:tgtEl>
                                      </p:cBhvr>
                                    </p:animEffect>
                                  </p:childTnLst>
                                </p:cTn>
                              </p:par>
                            </p:childTnLst>
                          </p:cTn>
                        </p:par>
                      </p:childTnLst>
                    </p:cTn>
                  </p:par>
                  <p:par>
                    <p:cTn id="20" fill="hold">
                      <p:stCondLst>
                        <p:cond delay="indefinite"/>
                      </p:stCondLst>
                      <p:childTnLst>
                        <p:par>
                          <p:cTn id="21" fill="hold">
                            <p:stCondLst>
                              <p:cond delay="0"/>
                            </p:stCondLst>
                            <p:childTnLst>
                              <p:par>
                                <p:cTn id="22" presetID="10" presetClass="entr" presetSubtype="0" fill="hold" grpId="0" nodeType="clickEffect">
                                  <p:stCondLst>
                                    <p:cond delay="0"/>
                                  </p:stCondLst>
                                  <p:childTnLst>
                                    <p:set>
                                      <p:cBhvr>
                                        <p:cTn id="23" dur="1" fill="hold">
                                          <p:stCondLst>
                                            <p:cond delay="0"/>
                                          </p:stCondLst>
                                        </p:cTn>
                                        <p:tgtEl>
                                          <p:spTgt spid="20"/>
                                        </p:tgtEl>
                                        <p:attrNameLst>
                                          <p:attrName>style.visibility</p:attrName>
                                        </p:attrNameLst>
                                      </p:cBhvr>
                                      <p:to>
                                        <p:strVal val="visible"/>
                                      </p:to>
                                    </p:set>
                                    <p:animEffect transition="in" filter="fade">
                                      <p:cBhvr>
                                        <p:cTn id="24" dur="500"/>
                                        <p:tgtEl>
                                          <p:spTgt spid="20"/>
                                        </p:tgtEl>
                                      </p:cBhvr>
                                    </p:animEffect>
                                  </p:childTnLst>
                                </p:cTn>
                              </p:par>
                            </p:childTnLst>
                          </p:cTn>
                        </p:par>
                        <p:par>
                          <p:cTn id="25" fill="hold">
                            <p:stCondLst>
                              <p:cond delay="500"/>
                            </p:stCondLst>
                            <p:childTnLst>
                              <p:par>
                                <p:cTn id="26" presetID="10" presetClass="entr" presetSubtype="0" fill="hold" nodeType="afterEffect">
                                  <p:stCondLst>
                                    <p:cond delay="0"/>
                                  </p:stCondLst>
                                  <p:childTnLst>
                                    <p:set>
                                      <p:cBhvr>
                                        <p:cTn id="27" dur="1" fill="hold">
                                          <p:stCondLst>
                                            <p:cond delay="0"/>
                                          </p:stCondLst>
                                        </p:cTn>
                                        <p:tgtEl>
                                          <p:spTgt spid="14"/>
                                        </p:tgtEl>
                                        <p:attrNameLst>
                                          <p:attrName>style.visibility</p:attrName>
                                        </p:attrNameLst>
                                      </p:cBhvr>
                                      <p:to>
                                        <p:strVal val="visible"/>
                                      </p:to>
                                    </p:set>
                                    <p:animEffect transition="in" filter="fade">
                                      <p:cBhvr>
                                        <p:cTn id="28" dur="500"/>
                                        <p:tgtEl>
                                          <p:spTgt spid="1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animBg="1"/>
      <p:bldP spid="11" grpId="0" animBg="1"/>
      <p:bldP spid="12" grpId="0" animBg="1"/>
      <p:bldP spid="13" grpId="0" animBg="1"/>
      <p:bldP spid="20" grpId="0" animBg="1"/>
    </p:bld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0D6A55C5-55CA-D3ED-C14E-178ECC7EC878}"/>
              </a:ext>
            </a:extLst>
          </p:cNvPr>
          <p:cNvSpPr>
            <a:spLocks noGrp="1"/>
          </p:cNvSpPr>
          <p:nvPr>
            <p:ph type="title"/>
          </p:nvPr>
        </p:nvSpPr>
        <p:spPr>
          <a:xfrm>
            <a:off x="631825" y="365126"/>
            <a:ext cx="10209211" cy="648000"/>
          </a:xfrm>
        </p:spPr>
        <p:txBody>
          <a:bodyPr>
            <a:normAutofit/>
          </a:bodyPr>
          <a:lstStyle/>
          <a:p>
            <a:r>
              <a:rPr lang="en-GB" dirty="0" err="1"/>
              <a:t>Mogelijke</a:t>
            </a:r>
            <a:r>
              <a:rPr lang="en-GB" dirty="0"/>
              <a:t> </a:t>
            </a:r>
            <a:r>
              <a:rPr lang="en-GB" dirty="0" err="1"/>
              <a:t>Oplossing</a:t>
            </a:r>
            <a:r>
              <a:rPr lang="en-GB" dirty="0"/>
              <a:t> 4</a:t>
            </a:r>
            <a:endParaRPr lang="en-NL" dirty="0"/>
          </a:p>
        </p:txBody>
      </p:sp>
      <p:pic>
        <p:nvPicPr>
          <p:cNvPr id="2" name="Picture 1">
            <a:extLst>
              <a:ext uri="{FF2B5EF4-FFF2-40B4-BE49-F238E27FC236}">
                <a16:creationId xmlns:a16="http://schemas.microsoft.com/office/drawing/2014/main" id="{32C8DA36-14D6-0283-DAAC-324C5C427DE4}"/>
              </a:ext>
            </a:extLst>
          </p:cNvPr>
          <p:cNvPicPr>
            <a:picLocks noChangeAspect="1"/>
          </p:cNvPicPr>
          <p:nvPr/>
        </p:nvPicPr>
        <p:blipFill>
          <a:blip r:embed="rId2"/>
          <a:stretch>
            <a:fillRect/>
          </a:stretch>
        </p:blipFill>
        <p:spPr>
          <a:xfrm>
            <a:off x="4171576" y="1907142"/>
            <a:ext cx="2923343" cy="3043715"/>
          </a:xfrm>
          <a:prstGeom prst="rect">
            <a:avLst/>
          </a:prstGeom>
        </p:spPr>
      </p:pic>
      <p:sp>
        <p:nvSpPr>
          <p:cNvPr id="3" name="Subtitle 1">
            <a:extLst>
              <a:ext uri="{FF2B5EF4-FFF2-40B4-BE49-F238E27FC236}">
                <a16:creationId xmlns:a16="http://schemas.microsoft.com/office/drawing/2014/main" id="{7C5E52C6-20DD-DC14-79D2-EDB23F02834D}"/>
              </a:ext>
            </a:extLst>
          </p:cNvPr>
          <p:cNvSpPr txBox="1">
            <a:spLocks/>
          </p:cNvSpPr>
          <p:nvPr/>
        </p:nvSpPr>
        <p:spPr>
          <a:xfrm>
            <a:off x="631826" y="926508"/>
            <a:ext cx="10209212" cy="571042"/>
          </a:xfrm>
          <a:prstGeom prst="rect">
            <a:avLst/>
          </a:prstGeom>
        </p:spPr>
        <p:txBody>
          <a:bodyPr/>
          <a:lstStyle>
            <a:lvl1pPr marL="228600" indent="-228600" algn="l" rtl="0" eaLnBrk="0" fontAlgn="base" hangingPunct="0">
              <a:lnSpc>
                <a:spcPct val="90000"/>
              </a:lnSpc>
              <a:spcBef>
                <a:spcPts val="1000"/>
              </a:spcBef>
              <a:spcAft>
                <a:spcPct val="0"/>
              </a:spcAft>
              <a:buFont typeface="Arial" panose="020B0604020202020204" pitchFamily="34" charset="0"/>
              <a:buChar char="•"/>
              <a:defRPr sz="2800" kern="1200">
                <a:solidFill>
                  <a:schemeClr val="tx2"/>
                </a:solidFill>
                <a:latin typeface="Arial" panose="020B0604020202020204" pitchFamily="34" charset="0"/>
                <a:ea typeface="+mn-ea"/>
                <a:cs typeface="Arial" panose="020B0604020202020204" pitchFamily="34" charset="0"/>
              </a:defRPr>
            </a:lvl1pPr>
            <a:lvl2pPr marL="685800" indent="-228600" algn="l" rtl="0" eaLnBrk="0" fontAlgn="base" hangingPunct="0">
              <a:lnSpc>
                <a:spcPct val="90000"/>
              </a:lnSpc>
              <a:spcBef>
                <a:spcPts val="500"/>
              </a:spcBef>
              <a:spcAft>
                <a:spcPct val="0"/>
              </a:spcAft>
              <a:buFont typeface="Arial" panose="020B0604020202020204" pitchFamily="34" charset="0"/>
              <a:buChar char="•"/>
              <a:defRPr sz="2400" kern="1200">
                <a:solidFill>
                  <a:schemeClr val="tx2"/>
                </a:solidFill>
                <a:latin typeface="Arial" panose="020B0604020202020204" pitchFamily="34" charset="0"/>
                <a:ea typeface="+mn-ea"/>
                <a:cs typeface="Arial" panose="020B0604020202020204" pitchFamily="34" charset="0"/>
              </a:defRPr>
            </a:lvl2pPr>
            <a:lvl3pPr marL="1143000" indent="-228600" algn="l" rtl="0" eaLnBrk="0" fontAlgn="base" hangingPunct="0">
              <a:lnSpc>
                <a:spcPct val="90000"/>
              </a:lnSpc>
              <a:spcBef>
                <a:spcPts val="500"/>
              </a:spcBef>
              <a:spcAft>
                <a:spcPct val="0"/>
              </a:spcAft>
              <a:buFont typeface="Arial" panose="020B0604020202020204" pitchFamily="34" charset="0"/>
              <a:buChar char="•"/>
              <a:defRPr sz="2000" kern="1200">
                <a:solidFill>
                  <a:schemeClr val="tx2"/>
                </a:solidFill>
                <a:latin typeface="Arial" panose="020B0604020202020204" pitchFamily="34" charset="0"/>
                <a:ea typeface="+mn-ea"/>
                <a:cs typeface="Arial" panose="020B0604020202020204" pitchFamily="34" charset="0"/>
              </a:defRPr>
            </a:lvl3pPr>
            <a:lvl4pPr marL="16002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4pPr>
            <a:lvl5pPr marL="20574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GB" dirty="0">
                <a:solidFill>
                  <a:srgbClr val="C00000"/>
                </a:solidFill>
              </a:rPr>
              <a:t>Precision medicine</a:t>
            </a:r>
            <a:endParaRPr lang="en-NL" dirty="0">
              <a:solidFill>
                <a:srgbClr val="C00000"/>
              </a:solidFill>
            </a:endParaRPr>
          </a:p>
        </p:txBody>
      </p:sp>
    </p:spTree>
    <p:extLst>
      <p:ext uri="{BB962C8B-B14F-4D97-AF65-F5344CB8AC3E}">
        <p14:creationId xmlns:p14="http://schemas.microsoft.com/office/powerpoint/2010/main" val="3159263395"/>
      </p:ext>
    </p:extLst>
  </p:cSld>
  <p:clrMapOvr>
    <a:masterClrMapping/>
  </p:clrMapOvr>
</p:sld>
</file>

<file path=ppt/theme/theme1.xml><?xml version="1.0" encoding="utf-8"?>
<a:theme xmlns:a="http://schemas.openxmlformats.org/drawingml/2006/main" name="Erasmus MC">
  <a:themeElements>
    <a:clrScheme name="Erasmus MC">
      <a:dk1>
        <a:srgbClr val="000000"/>
      </a:dk1>
      <a:lt1>
        <a:srgbClr val="FFFFFF"/>
      </a:lt1>
      <a:dk2>
        <a:srgbClr val="0C2074"/>
      </a:dk2>
      <a:lt2>
        <a:srgbClr val="E7E6E6"/>
      </a:lt2>
      <a:accent1>
        <a:srgbClr val="0C2074"/>
      </a:accent1>
      <a:accent2>
        <a:srgbClr val="6D79AC"/>
      </a:accent2>
      <a:accent3>
        <a:srgbClr val="CED2E3"/>
      </a:accent3>
      <a:accent4>
        <a:srgbClr val="86D2ED"/>
      </a:accent4>
      <a:accent5>
        <a:srgbClr val="B6E4F4"/>
      </a:accent5>
      <a:accent6>
        <a:srgbClr val="E7F6FB"/>
      </a:accent6>
      <a:hlink>
        <a:srgbClr val="86D2EE"/>
      </a:hlink>
      <a:folHlink>
        <a:srgbClr val="B6E4F4"/>
      </a:folHlink>
    </a:clrScheme>
    <a:fontScheme name="Erasmus M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2400" b="1" i="0" dirty="0" err="1" smtClean="0">
            <a:solidFill>
              <a:schemeClr val="accent4"/>
            </a:solidFill>
            <a:ea typeface="Arial" charset="0"/>
            <a:cs typeface="Arial" charset="0"/>
          </a:defRPr>
        </a:defPPr>
      </a:lstStyle>
    </a:txDef>
  </a:objectDefaults>
  <a:extraClrSchemeLst/>
  <a:extLst>
    <a:ext uri="{05A4C25C-085E-4340-85A3-A5531E510DB2}">
      <thm15:themeFamily xmlns:thm15="http://schemas.microsoft.com/office/thememl/2012/main" name="ERA190317_Erasmus MC Bedrijfspresentatie 15nov" id="{2DD2DD8F-3AE1-074E-836C-1DE8AE280910}" vid="{94CA0FB4-C30D-A947-829B-7D66DD7D08D9}"/>
    </a:ext>
  </a:extLst>
</a:theme>
</file>

<file path=ppt/theme/theme2.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7981C551DC0CA34A8237F9B10FED7973" ma:contentTypeVersion="16" ma:contentTypeDescription="Een nieuw document maken." ma:contentTypeScope="" ma:versionID="9869aa18d3a1deb267efe89c7b758abc">
  <xsd:schema xmlns:xsd="http://www.w3.org/2001/XMLSchema" xmlns:xs="http://www.w3.org/2001/XMLSchema" xmlns:p="http://schemas.microsoft.com/office/2006/metadata/properties" xmlns:ns3="6f852029-8290-4169-b69c-2388ce9bfc8f" xmlns:ns4="ad09b81d-4cb5-4fa1-848d-35eb6f360c00" targetNamespace="http://schemas.microsoft.com/office/2006/metadata/properties" ma:root="true" ma:fieldsID="4756eb7498b884187380ca13c8ac5d4a" ns3:_="" ns4:_="">
    <xsd:import namespace="6f852029-8290-4169-b69c-2388ce9bfc8f"/>
    <xsd:import namespace="ad09b81d-4cb5-4fa1-848d-35eb6f360c00"/>
    <xsd:element name="properties">
      <xsd:complexType>
        <xsd:sequence>
          <xsd:element name="documentManagement">
            <xsd:complexType>
              <xsd:all>
                <xsd:element ref="ns3:MediaServiceMetadata" minOccurs="0"/>
                <xsd:element ref="ns3:MediaServiceFastMetadata" minOccurs="0"/>
                <xsd:element ref="ns3:MediaLengthInSeconds" minOccurs="0"/>
                <xsd:element ref="ns3:MediaServiceDateTaken" minOccurs="0"/>
                <xsd:element ref="ns3:MediaServiceAutoTags" minOccurs="0"/>
                <xsd:element ref="ns3:MediaServiceOCR" minOccurs="0"/>
                <xsd:element ref="ns3:MediaServiceGenerationTime" minOccurs="0"/>
                <xsd:element ref="ns3:MediaServiceEventHashCode" minOccurs="0"/>
                <xsd:element ref="ns3:MediaServiceLocation" minOccurs="0"/>
                <xsd:element ref="ns3:_activity" minOccurs="0"/>
                <xsd:element ref="ns4:SharedWithUsers" minOccurs="0"/>
                <xsd:element ref="ns4:SharedWithDetails" minOccurs="0"/>
                <xsd:element ref="ns4:SharingHintHash" minOccurs="0"/>
                <xsd:element ref="ns3:MediaServiceObjectDetectorVersions" minOccurs="0"/>
                <xsd:element ref="ns3:MediaServiceSystemTags" minOccurs="0"/>
                <xsd:element ref="ns3: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6f852029-8290-4169-b69c-2388ce9bfc8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LengthInSeconds" ma:index="10" nillable="true" ma:displayName="MediaLengthInSeconds" ma:hidden="true" ma:internalName="MediaLengthInSeconds" ma:readOnly="true">
      <xsd:simpleType>
        <xsd:restriction base="dms:Unknown"/>
      </xsd:simpleType>
    </xsd:element>
    <xsd:element name="MediaServiceDateTaken" ma:index="11" nillable="true" ma:displayName="MediaServiceDateTaken" ma:hidden="true" ma:indexed="true" ma:internalName="MediaServiceDateTaken" ma:readOnly="true">
      <xsd:simpleType>
        <xsd:restriction base="dms:Text"/>
      </xsd:simpleType>
    </xsd:element>
    <xsd:element name="MediaServiceAutoTags" ma:index="12" nillable="true" ma:displayName="Tags" ma:internalName="MediaServiceAutoTags" ma:readOnly="true">
      <xsd:simpleType>
        <xsd:restriction base="dms:Text"/>
      </xsd:simpleType>
    </xsd:element>
    <xsd:element name="MediaServiceOCR" ma:index="13" nillable="true" ma:displayName="Extracted Text" ma:internalName="MediaServiceOCR" ma:readOnly="true">
      <xsd:simpleType>
        <xsd:restriction base="dms:Note">
          <xsd:maxLength value="255"/>
        </xsd:restriction>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Location" ma:index="16" nillable="true" ma:displayName="Location" ma:indexed="true" ma:internalName="MediaServiceLocation" ma:readOnly="true">
      <xsd:simpleType>
        <xsd:restriction base="dms:Text"/>
      </xsd:simpleType>
    </xsd:element>
    <xsd:element name="_activity" ma:index="17" nillable="true" ma:displayName="_activity" ma:hidden="true" ma:internalName="_activity">
      <xsd:simpleType>
        <xsd:restriction base="dms:Note"/>
      </xsd:simpleType>
    </xsd:element>
    <xsd:element name="MediaServiceObjectDetectorVersions" ma:index="21" nillable="true" ma:displayName="MediaServiceObjectDetectorVersions" ma:description="" ma:hidden="true" ma:indexed="true" ma:internalName="MediaServiceObjectDetectorVersions" ma:readOnly="true">
      <xsd:simpleType>
        <xsd:restriction base="dms:Text"/>
      </xsd:simpleType>
    </xsd:element>
    <xsd:element name="MediaServiceSystemTags" ma:index="22" nillable="true" ma:displayName="MediaServiceSystemTags" ma:hidden="true" ma:internalName="MediaServiceSystemTags" ma:readOnly="true">
      <xsd:simpleType>
        <xsd:restriction base="dms:Note"/>
      </xsd:simple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ad09b81d-4cb5-4fa1-848d-35eb6f360c00" elementFormDefault="qualified">
    <xsd:import namespace="http://schemas.microsoft.com/office/2006/documentManagement/types"/>
    <xsd:import namespace="http://schemas.microsoft.com/office/infopath/2007/PartnerControls"/>
    <xsd:element name="SharedWithUsers" ma:index="18"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Gedeeld met details" ma:internalName="SharedWithDetails" ma:readOnly="true">
      <xsd:simpleType>
        <xsd:restriction base="dms:Note">
          <xsd:maxLength value="255"/>
        </xsd:restriction>
      </xsd:simpleType>
    </xsd:element>
    <xsd:element name="SharingHintHash" ma:index="20" nillable="true" ma:displayName="Hint-hash delen" ma:hidden="true" ma:internalName="SharingHintHash" ma:readOnly="true">
      <xsd:simpleType>
        <xsd:restriction base="dms:Text"/>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FormConfiguration><![CDATA[{"formFields":[],"formDataEntries":[]}]]></TemplafyForm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_activity xmlns="6f852029-8290-4169-b69c-2388ce9bfc8f" xsi:nil="true"/>
  </documentManagement>
</p:properties>
</file>

<file path=customXml/item5.xml><?xml version="1.0" encoding="utf-8"?>
<TemplafyTemplateConfiguration><![CDATA[{"elementsMetadata":[],"transformationConfigurations":[],"templateName":"Lege presentatie","templateDescription":"","enableDocumentContentUpdater":false,"version":"2.0"}]]></TemplafyTemplateConfiguration>
</file>

<file path=customXml/itemProps1.xml><?xml version="1.0" encoding="utf-8"?>
<ds:datastoreItem xmlns:ds="http://schemas.openxmlformats.org/officeDocument/2006/customXml" ds:itemID="{3C37025C-86EF-418A-AE41-D7266E9DD11B}">
  <ds:schemaRefs>
    <ds:schemaRef ds:uri="6f852029-8290-4169-b69c-2388ce9bfc8f"/>
    <ds:schemaRef ds:uri="ad09b81d-4cb5-4fa1-848d-35eb6f360c00"/>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openxmlformats.org/package/2006/metadata/core-properties"/>
    <ds:schemaRef ds:uri="http://www.w3.org/2001/XMLSchema"/>
  </ds:schemaRefs>
</ds:datastoreItem>
</file>

<file path=customXml/itemProps2.xml><?xml version="1.0" encoding="utf-8"?>
<ds:datastoreItem xmlns:ds="http://schemas.openxmlformats.org/officeDocument/2006/customXml" ds:itemID="{2199C647-B858-47F4-AD49-330F0EFA1381}">
  <ds:schemaRefs/>
</ds:datastoreItem>
</file>

<file path=customXml/itemProps3.xml><?xml version="1.0" encoding="utf-8"?>
<ds:datastoreItem xmlns:ds="http://schemas.openxmlformats.org/officeDocument/2006/customXml" ds:itemID="{A1FA5486-50E2-492F-A879-FCB05A39A033}">
  <ds:schemaRefs>
    <ds:schemaRef ds:uri="http://schemas.microsoft.com/sharepoint/v3/contenttype/forms"/>
  </ds:schemaRefs>
</ds:datastoreItem>
</file>

<file path=customXml/itemProps4.xml><?xml version="1.0" encoding="utf-8"?>
<ds:datastoreItem xmlns:ds="http://schemas.openxmlformats.org/officeDocument/2006/customXml" ds:itemID="{CF54F048-A419-41C6-848B-A4CE3CE05D58}">
  <ds:schemaRefs>
    <ds:schemaRef ds:uri="6f852029-8290-4169-b69c-2388ce9bfc8f"/>
    <ds:schemaRef ds:uri="ad09b81d-4cb5-4fa1-848d-35eb6f360c00"/>
    <ds:schemaRef ds:uri="http://purl.org/dc/dcmitype/"/>
    <ds:schemaRef ds:uri="http://purl.org/dc/elements/1.1/"/>
    <ds:schemaRef ds:uri="http://purl.org/dc/terms/"/>
    <ds:schemaRef ds:uri="http://schemas.microsoft.com/office/2006/documentManagement/types"/>
    <ds:schemaRef ds:uri="http://schemas.microsoft.com/office/2006/metadata/properties"/>
    <ds:schemaRef ds:uri="http://schemas.microsoft.com/office/infopath/2007/PartnerControls"/>
    <ds:schemaRef ds:uri="http://schemas.openxmlformats.org/package/2006/metadata/core-properties"/>
    <ds:schemaRef ds:uri="http://www.w3.org/XML/1998/namespace"/>
  </ds:schemaRefs>
</ds:datastoreItem>
</file>

<file path=customXml/itemProps5.xml><?xml version="1.0" encoding="utf-8"?>
<ds:datastoreItem xmlns:ds="http://schemas.openxmlformats.org/officeDocument/2006/customXml" ds:itemID="{2A40761F-85AA-4702-A927-F8420881183F}">
  <ds:schemaRefs/>
</ds:datastoreItem>
</file>

<file path=docProps/app.xml><?xml version="1.0" encoding="utf-8"?>
<Properties xmlns="http://schemas.openxmlformats.org/officeDocument/2006/extended-properties" xmlns:vt="http://schemas.openxmlformats.org/officeDocument/2006/docPropsVTypes">
  <Template>ERA190317_Erasmus MC Bedrijfspresentatie 14nov</Template>
  <TotalTime>10</TotalTime>
  <Words>969</Words>
  <Application>Microsoft Macintosh PowerPoint</Application>
  <PresentationFormat>Breedbeeld</PresentationFormat>
  <Paragraphs>223</Paragraphs>
  <Slides>24</Slides>
  <Notes>10</Notes>
  <HiddenSlides>3</HiddenSlides>
  <MMClips>0</MMClips>
  <ScaleCrop>false</ScaleCrop>
  <HeadingPairs>
    <vt:vector size="6" baseType="variant">
      <vt:variant>
        <vt:lpstr>Gebruikte lettertypen</vt:lpstr>
      </vt:variant>
      <vt:variant>
        <vt:i4>11</vt:i4>
      </vt:variant>
      <vt:variant>
        <vt:lpstr>Thema</vt:lpstr>
      </vt:variant>
      <vt:variant>
        <vt:i4>1</vt:i4>
      </vt:variant>
      <vt:variant>
        <vt:lpstr>Diatitels</vt:lpstr>
      </vt:variant>
      <vt:variant>
        <vt:i4>24</vt:i4>
      </vt:variant>
    </vt:vector>
  </HeadingPairs>
  <TitlesOfParts>
    <vt:vector size="36" baseType="lpstr">
      <vt:lpstr>inherit</vt:lpstr>
      <vt:lpstr>OTNEJMQuadraat</vt:lpstr>
      <vt:lpstr>Proxima Nova</vt:lpstr>
      <vt:lpstr>SangBleu Republic</vt:lpstr>
      <vt:lpstr>Aptos</vt:lpstr>
      <vt:lpstr>Arial</vt:lpstr>
      <vt:lpstr>Arial Black</vt:lpstr>
      <vt:lpstr>Calibri</vt:lpstr>
      <vt:lpstr>Century Gothic</vt:lpstr>
      <vt:lpstr>Symbol</vt:lpstr>
      <vt:lpstr>Times New Roman</vt:lpstr>
      <vt:lpstr>Erasmus MC</vt:lpstr>
      <vt:lpstr>PowerPoint-presentatie</vt:lpstr>
      <vt:lpstr>PowerPoint-presentatie</vt:lpstr>
      <vt:lpstr>PowerPoint-presentatie</vt:lpstr>
      <vt:lpstr>PowerPoint-presentatie</vt:lpstr>
      <vt:lpstr>Het probleem</vt:lpstr>
      <vt:lpstr>Oplossing 1</vt:lpstr>
      <vt:lpstr>Oplossing 2 </vt:lpstr>
      <vt:lpstr>Mogelijke Oplossing 3</vt:lpstr>
      <vt:lpstr>Mogelijke Oplossing 4</vt:lpstr>
      <vt:lpstr>Precision medicine</vt:lpstr>
      <vt:lpstr>Waarom blijven kankercellen delen?</vt:lpstr>
      <vt:lpstr>Precision medicine</vt:lpstr>
      <vt:lpstr>Precision medicine</vt:lpstr>
      <vt:lpstr>Maar soms: IDH mutaties</vt:lpstr>
      <vt:lpstr>PowerPoint-presentatie</vt:lpstr>
      <vt:lpstr>Voorbeeld 2: BRAF</vt:lpstr>
      <vt:lpstr>Mogelijke Oplossing 5</vt:lpstr>
      <vt:lpstr>PowerPoint-presentatie</vt:lpstr>
      <vt:lpstr>Waar gaan we naar toe</vt:lpstr>
      <vt:lpstr>Waar gaan we naar toe</vt:lpstr>
      <vt:lpstr>Wat kunnen patienten doen?</vt:lpstr>
      <vt:lpstr>PowerPoint-presentatie</vt:lpstr>
      <vt:lpstr>PowerPoint-presentatie</vt:lpstr>
      <vt:lpstr>PowerPoint-presentatie</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Jennifer Gjertsen</cp:lastModifiedBy>
  <cp:revision>2</cp:revision>
  <dcterms:created xsi:type="dcterms:W3CDTF">2024-01-29T23:34:17Z</dcterms:created>
  <dcterms:modified xsi:type="dcterms:W3CDTF">2025-03-15T08:20: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2-15T09:23:03</vt:lpwstr>
  </property>
  <property fmtid="{D5CDD505-2E9C-101B-9397-08002B2CF9AE}" pid="3" name="TemplafyTenantId">
    <vt:lpwstr>erasmusmc</vt:lpwstr>
  </property>
  <property fmtid="{D5CDD505-2E9C-101B-9397-08002B2CF9AE}" pid="4" name="TemplafyTemplateId">
    <vt:lpwstr>638120497810573478</vt:lpwstr>
  </property>
  <property fmtid="{D5CDD505-2E9C-101B-9397-08002B2CF9AE}" pid="5" name="TemplafyUserProfileId">
    <vt:lpwstr>637737720711115479</vt:lpwstr>
  </property>
  <property fmtid="{D5CDD505-2E9C-101B-9397-08002B2CF9AE}" pid="6" name="TemplafyFromBlank">
    <vt:bool>true</vt:bool>
  </property>
  <property fmtid="{D5CDD505-2E9C-101B-9397-08002B2CF9AE}" pid="7" name="ContentTypeId">
    <vt:lpwstr>0x0101007981C551DC0CA34A8237F9B10FED7973</vt:lpwstr>
  </property>
</Properties>
</file>